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ppt/diagrams/data7.xml" ContentType="application/vnd.openxmlformats-officedocument.drawingml.diagramData+xml"/>
  <Override PartName="/ppt/diagrams/data1.xml" ContentType="application/vnd.openxmlformats-officedocument.drawingml.diagramData+xml"/>
  <Override PartName="/ppt/diagrams/data8.xml" ContentType="application/vnd.openxmlformats-officedocument.drawingml.diagramData+xml"/>
  <Override PartName="/ppt/diagrams/data9.xml" ContentType="application/vnd.openxmlformats-officedocument.drawingml.diagramData+xml"/>
  <Override PartName="/ppt/diagrams/data10.xml" ContentType="application/vnd.openxmlformats-officedocument.drawingml.diagramData+xml"/>
  <Override PartName="/ppt/diagrams/data11.xml" ContentType="application/vnd.openxmlformats-officedocument.drawingml.diagramData+xml"/>
  <Override PartName="/ppt/diagrams/data2.xml" ContentType="application/vnd.openxmlformats-officedocument.drawingml.diagramData+xml"/>
  <Override PartName="/ppt/diagrams/data12.xml" ContentType="application/vnd.openxmlformats-officedocument.drawingml.diagramData+xml"/>
  <Override PartName="/ppt/diagrams/data13.xml" ContentType="application/vnd.openxmlformats-officedocument.drawingml.diagramData+xml"/>
  <Override PartName="/ppt/diagrams/data14.xml" ContentType="application/vnd.openxmlformats-officedocument.drawingml.diagramData+xml"/>
  <Override PartName="/ppt/diagrams/data15.xml" ContentType="application/vnd.openxmlformats-officedocument.drawingml.diagramData+xml"/>
  <Override PartName="/ppt/diagrams/data16.xml" ContentType="application/vnd.openxmlformats-officedocument.drawingml.diagramData+xml"/>
  <Override PartName="/ppt/diagrams/data3.xml" ContentType="application/vnd.openxmlformats-officedocument.drawingml.diagramData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diagrams/data4.xml" ContentType="application/vnd.openxmlformats-officedocument.drawingml.diagramData+xml"/>
  <Override PartName="/ppt/diagrams/data5.xml" ContentType="application/vnd.openxmlformats-officedocument.drawingml.diagramData+xml"/>
  <Override PartName="/ppt/diagrams/data6.xml" ContentType="application/vnd.openxmlformats-officedocument.drawingml.diagramData+xml"/>
  <Override PartName="/ppt/slideLayouts/slideLayout8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notesSlides/notesSlide1.xml" ContentType="application/vnd.openxmlformats-officedocument.presentationml.notesSlide+xml"/>
  <Override PartName="/ppt/diagrams/drawing15.xml" ContentType="application/vnd.ms-office.drawingml.diagramDrawing+xml"/>
  <Override PartName="/ppt/diagrams/layout16.xml" ContentType="application/vnd.openxmlformats-officedocument.drawingml.diagramLayout+xml"/>
  <Override PartName="/ppt/diagrams/quickStyle16.xml" ContentType="application/vnd.openxmlformats-officedocument.drawingml.diagramStyle+xml"/>
  <Override PartName="/ppt/diagrams/colors16.xml" ContentType="application/vnd.openxmlformats-officedocument.drawingml.diagramColors+xml"/>
  <Override PartName="/ppt/diagrams/drawing16.xml" ContentType="application/vnd.ms-office.drawingml.diagramDrawing+xml"/>
  <Override PartName="/ppt/theme/themeOverride1.xml" ContentType="application/vnd.openxmlformats-officedocument.themeOverride+xml"/>
  <Override PartName="/ppt/diagrams/layout6.xml" ContentType="application/vnd.openxmlformats-officedocument.drawingml.diagramLayout+xml"/>
  <Override PartName="/ppt/diagrams/layout7.xml" ContentType="application/vnd.openxmlformats-officedocument.drawingml.diagramLayout+xml"/>
  <Override PartName="/ppt/diagrams/quickStyle7.xml" ContentType="application/vnd.openxmlformats-officedocument.drawingml.diagramStyle+xml"/>
  <Override PartName="/ppt/diagrams/colors7.xml" ContentType="application/vnd.openxmlformats-officedocument.drawingml.diagramColors+xml"/>
  <Override PartName="/ppt/diagrams/drawing7.xml" ContentType="application/vnd.ms-office.drawingml.diagramDrawing+xml"/>
  <Override PartName="/ppt/notesMasters/notesMaster1.xml" ContentType="application/vnd.openxmlformats-officedocument.presentationml.notesMaster+xml"/>
  <Override PartName="/ppt/diagrams/colors11.xml" ContentType="application/vnd.openxmlformats-officedocument.drawingml.diagramColors+xml"/>
  <Override PartName="/ppt/theme/theme1.xml" ContentType="application/vnd.openxmlformats-officedocument.theme+xml"/>
  <Override PartName="/ppt/diagrams/drawing11.xml" ContentType="application/vnd.ms-office.drawingml.diagramDrawing+xml"/>
  <Override PartName="/ppt/theme/theme2.xml" ContentType="application/vnd.openxmlformats-officedocument.theme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diagrams/layout10.xml" ContentType="application/vnd.openxmlformats-officedocument.drawingml.diagramLayout+xml"/>
  <Override PartName="/ppt/diagrams/quickStyle6.xml" ContentType="application/vnd.openxmlformats-officedocument.drawingml.diagramStyle+xml"/>
  <Override PartName="/ppt/diagrams/layout8.xml" ContentType="application/vnd.openxmlformats-officedocument.drawingml.diagramLayout+xml"/>
  <Override PartName="/ppt/diagrams/quickStyle8.xml" ContentType="application/vnd.openxmlformats-officedocument.drawingml.diagramStyle+xml"/>
  <Override PartName="/ppt/diagrams/colors8.xml" ContentType="application/vnd.openxmlformats-officedocument.drawingml.diagramColors+xml"/>
  <Override PartName="/ppt/diagrams/drawing8.xml" ContentType="application/vnd.ms-office.drawingml.diagramDrawing+xml"/>
  <Override PartName="/ppt/diagrams/colors6.xml" ContentType="application/vnd.openxmlformats-officedocument.drawingml.diagramColors+xml"/>
  <Override PartName="/ppt/diagrams/layout9.xml" ContentType="application/vnd.openxmlformats-officedocument.drawingml.diagramLayout+xml"/>
  <Override PartName="/ppt/diagrams/quickStyle9.xml" ContentType="application/vnd.openxmlformats-officedocument.drawingml.diagramStyle+xml"/>
  <Override PartName="/ppt/diagrams/colors9.xml" ContentType="application/vnd.openxmlformats-officedocument.drawingml.diagramColors+xml"/>
  <Override PartName="/ppt/diagrams/drawing9.xml" ContentType="application/vnd.ms-office.drawingml.diagramDrawing+xml"/>
  <Override PartName="/ppt/diagrams/drawing6.xml" ContentType="application/vnd.ms-office.drawingml.diagramDrawing+xml"/>
  <Override PartName="/ppt/diagrams/quickStyle10.xml" ContentType="application/vnd.openxmlformats-officedocument.drawingml.diagramStyle+xml"/>
  <Override PartName="/ppt/diagrams/colors10.xml" ContentType="application/vnd.openxmlformats-officedocument.drawingml.diagramColors+xml"/>
  <Override PartName="/ppt/diagrams/drawing10.xml" ContentType="application/vnd.ms-office.drawingml.diagramDrawing+xml"/>
  <Override PartName="/ppt/diagrams/layout11.xml" ContentType="application/vnd.openxmlformats-officedocument.drawingml.diagramLayout+xml"/>
  <Override PartName="/ppt/diagrams/quickStyle11.xml" ContentType="application/vnd.openxmlformats-officedocument.drawingml.diagramStyle+xml"/>
  <Override PartName="/ppt/diagrams/layout12.xml" ContentType="application/vnd.openxmlformats-officedocument.drawingml.diagramLayout+xml"/>
  <Override PartName="/ppt/diagrams/quickStyle12.xml" ContentType="application/vnd.openxmlformats-officedocument.drawingml.diagramStyle+xml"/>
  <Override PartName="/ppt/diagrams/colors12.xml" ContentType="application/vnd.openxmlformats-officedocument.drawingml.diagramColors+xml"/>
  <Override PartName="/ppt/diagrams/drawing12.xml" ContentType="application/vnd.ms-office.drawingml.diagramDrawing+xml"/>
  <Override PartName="/ppt/diagrams/layout13.xml" ContentType="application/vnd.openxmlformats-officedocument.drawingml.diagramLayout+xml"/>
  <Override PartName="/ppt/diagrams/quickStyle13.xml" ContentType="application/vnd.openxmlformats-officedocument.drawingml.diagramStyle+xml"/>
  <Override PartName="/ppt/diagrams/colors13.xml" ContentType="application/vnd.openxmlformats-officedocument.drawingml.diagramColors+xml"/>
  <Override PartName="/ppt/diagrams/drawing13.xml" ContentType="application/vnd.ms-office.drawingml.diagramDrawing+xml"/>
  <Override PartName="/ppt/diagrams/layout14.xml" ContentType="application/vnd.openxmlformats-officedocument.drawingml.diagramLayout+xml"/>
  <Override PartName="/ppt/diagrams/quickStyle14.xml" ContentType="application/vnd.openxmlformats-officedocument.drawingml.diagramStyle+xml"/>
  <Override PartName="/ppt/diagrams/colors14.xml" ContentType="application/vnd.openxmlformats-officedocument.drawingml.diagramColors+xml"/>
  <Override PartName="/ppt/diagrams/drawing14.xml" ContentType="application/vnd.ms-office.drawingml.diagramDrawing+xml"/>
  <Override PartName="/ppt/diagrams/layout15.xml" ContentType="application/vnd.openxmlformats-officedocument.drawingml.diagramLayout+xml"/>
  <Override PartName="/ppt/diagrams/quickStyle15.xml" ContentType="application/vnd.openxmlformats-officedocument.drawingml.diagramStyle+xml"/>
  <Override PartName="/ppt/diagrams/colors15.xml" ContentType="application/vnd.openxmlformats-officedocument.drawingml.diagramCol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ableStyles.xml" ContentType="application/vnd.openxmlformats-officedocument.presentationml.tableStyl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2.xml" ContentType="application/vnd.openxmlformats-officedocument.customXmlProperties+xml"/>
  <Override PartName="/customXml/itemProps12.xml" ContentType="application/vnd.openxmlformats-officedocument.customXmlProperties+xml"/>
  <Override PartName="/ppt/tags/tag1.xml" ContentType="application/vnd.openxmlformats-officedocument.presentationml.tags+xml"/>
  <Override PartName="/docProps/custom.xml" ContentType="application/vnd.openxmlformats-officedocument.custom-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customXml/itemProps1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3"/>
  </p:sldMasterIdLst>
  <p:notesMasterIdLst>
    <p:notesMasterId r:id="rId47"/>
  </p:notesMasterIdLst>
  <p:sldIdLst>
    <p:sldId id="352" r:id="rId14"/>
    <p:sldId id="355" r:id="rId15"/>
    <p:sldId id="381" r:id="rId16"/>
    <p:sldId id="421" r:id="rId17"/>
    <p:sldId id="422" r:id="rId18"/>
    <p:sldId id="423" r:id="rId19"/>
    <p:sldId id="425" r:id="rId20"/>
    <p:sldId id="426" r:id="rId21"/>
    <p:sldId id="428" r:id="rId22"/>
    <p:sldId id="429" r:id="rId23"/>
    <p:sldId id="452" r:id="rId24"/>
    <p:sldId id="453" r:id="rId25"/>
    <p:sldId id="424" r:id="rId26"/>
    <p:sldId id="431" r:id="rId27"/>
    <p:sldId id="432" r:id="rId28"/>
    <p:sldId id="456" r:id="rId29"/>
    <p:sldId id="454" r:id="rId30"/>
    <p:sldId id="435" r:id="rId31"/>
    <p:sldId id="436" r:id="rId32"/>
    <p:sldId id="437" r:id="rId33"/>
    <p:sldId id="438" r:id="rId34"/>
    <p:sldId id="439" r:id="rId35"/>
    <p:sldId id="440" r:id="rId36"/>
    <p:sldId id="441" r:id="rId37"/>
    <p:sldId id="442" r:id="rId38"/>
    <p:sldId id="443" r:id="rId39"/>
    <p:sldId id="444" r:id="rId40"/>
    <p:sldId id="445" r:id="rId41"/>
    <p:sldId id="446" r:id="rId42"/>
    <p:sldId id="447" r:id="rId43"/>
    <p:sldId id="448" r:id="rId44"/>
    <p:sldId id="449" r:id="rId45"/>
    <p:sldId id="420" r:id="rId46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3906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–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5226" autoAdjust="0"/>
  </p:normalViewPr>
  <p:slideViewPr>
    <p:cSldViewPr snapToGrid="0">
      <p:cViewPr varScale="1">
        <p:scale>
          <a:sx n="103" d="100"/>
          <a:sy n="103" d="100"/>
        </p:scale>
        <p:origin x="150" y="348"/>
      </p:cViewPr>
      <p:guideLst>
        <p:guide orient="horz" pos="3906"/>
        <p:guide pos="3840"/>
      </p:guideLst>
    </p:cSldViewPr>
  </p:slideViewPr>
  <p:outlineViewPr>
    <p:cViewPr>
      <p:scale>
        <a:sx n="33" d="100"/>
        <a:sy n="33" d="100"/>
      </p:scale>
      <p:origin x="0" y="-5208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26" Type="http://schemas.openxmlformats.org/officeDocument/2006/relationships/slide" Target="slides/slide13.xml"/><Relationship Id="rId39" Type="http://schemas.openxmlformats.org/officeDocument/2006/relationships/slide" Target="slides/slide26.xml"/><Relationship Id="rId21" Type="http://schemas.openxmlformats.org/officeDocument/2006/relationships/slide" Target="slides/slide8.xml"/><Relationship Id="rId34" Type="http://schemas.openxmlformats.org/officeDocument/2006/relationships/slide" Target="slides/slide21.xml"/><Relationship Id="rId42" Type="http://schemas.openxmlformats.org/officeDocument/2006/relationships/slide" Target="slides/slide29.xml"/><Relationship Id="rId47" Type="http://schemas.openxmlformats.org/officeDocument/2006/relationships/notesMaster" Target="notesMasters/notesMaster1.xml"/><Relationship Id="rId50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9" Type="http://schemas.openxmlformats.org/officeDocument/2006/relationships/slide" Target="slides/slide16.xml"/><Relationship Id="rId11" Type="http://schemas.openxmlformats.org/officeDocument/2006/relationships/customXml" Target="../customXml/item11.xml"/><Relationship Id="rId24" Type="http://schemas.openxmlformats.org/officeDocument/2006/relationships/slide" Target="slides/slide11.xml"/><Relationship Id="rId32" Type="http://schemas.openxmlformats.org/officeDocument/2006/relationships/slide" Target="slides/slide19.xml"/><Relationship Id="rId37" Type="http://schemas.openxmlformats.org/officeDocument/2006/relationships/slide" Target="slides/slide24.xml"/><Relationship Id="rId40" Type="http://schemas.openxmlformats.org/officeDocument/2006/relationships/slide" Target="slides/slide27.xml"/><Relationship Id="rId45" Type="http://schemas.openxmlformats.org/officeDocument/2006/relationships/slide" Target="slides/slide32.xml"/><Relationship Id="rId53" Type="http://schemas.openxmlformats.org/officeDocument/2006/relationships/customXml" Target="../customXml/item14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slide" Target="slides/slide6.xml"/><Relationship Id="rId31" Type="http://schemas.openxmlformats.org/officeDocument/2006/relationships/slide" Target="slides/slide18.xml"/><Relationship Id="rId44" Type="http://schemas.openxmlformats.org/officeDocument/2006/relationships/slide" Target="slides/slide31.xml"/><Relationship Id="rId52" Type="http://schemas.openxmlformats.org/officeDocument/2006/relationships/customXml" Target="../customXml/item1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slide" Target="slides/slide9.xml"/><Relationship Id="rId27" Type="http://schemas.openxmlformats.org/officeDocument/2006/relationships/slide" Target="slides/slide14.xml"/><Relationship Id="rId30" Type="http://schemas.openxmlformats.org/officeDocument/2006/relationships/slide" Target="slides/slide17.xml"/><Relationship Id="rId35" Type="http://schemas.openxmlformats.org/officeDocument/2006/relationships/slide" Target="slides/slide22.xml"/><Relationship Id="rId43" Type="http://schemas.openxmlformats.org/officeDocument/2006/relationships/slide" Target="slides/slide30.xml"/><Relationship Id="rId48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5" Type="http://schemas.openxmlformats.org/officeDocument/2006/relationships/slide" Target="slides/slide12.xml"/><Relationship Id="rId33" Type="http://schemas.openxmlformats.org/officeDocument/2006/relationships/slide" Target="slides/slide20.xml"/><Relationship Id="rId38" Type="http://schemas.openxmlformats.org/officeDocument/2006/relationships/slide" Target="slides/slide25.xml"/><Relationship Id="rId46" Type="http://schemas.openxmlformats.org/officeDocument/2006/relationships/slide" Target="slides/slide33.xml"/><Relationship Id="rId20" Type="http://schemas.openxmlformats.org/officeDocument/2006/relationships/slide" Target="slides/slide7.xml"/><Relationship Id="rId41" Type="http://schemas.openxmlformats.org/officeDocument/2006/relationships/slide" Target="slides/slide28.xml"/><Relationship Id="rId54" Type="http://schemas.openxmlformats.org/officeDocument/2006/relationships/customXml" Target="../customXml/item1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2.xml"/><Relationship Id="rId23" Type="http://schemas.openxmlformats.org/officeDocument/2006/relationships/slide" Target="slides/slide10.xml"/><Relationship Id="rId28" Type="http://schemas.openxmlformats.org/officeDocument/2006/relationships/slide" Target="slides/slide15.xml"/><Relationship Id="rId36" Type="http://schemas.openxmlformats.org/officeDocument/2006/relationships/slide" Target="slides/slide23.xml"/><Relationship Id="rId49" Type="http://schemas.openxmlformats.org/officeDocument/2006/relationships/viewProps" Target="viewProps.xml"/></Relationships>
</file>

<file path=ppt/diagrams/_rels/data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image" Target="../media/image18.jpeg"/></Relationships>
</file>

<file path=ppt/diagrams/_rels/data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13" Type="http://schemas.openxmlformats.org/officeDocument/2006/relationships/image" Target="../media/image35.pn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svg"/><Relationship Id="rId2" Type="http://schemas.openxmlformats.org/officeDocument/2006/relationships/image" Target="../media/image24.svg"/><Relationship Id="rId1" Type="http://schemas.openxmlformats.org/officeDocument/2006/relationships/image" Target="../media/image23.png"/><Relationship Id="rId6" Type="http://schemas.openxmlformats.org/officeDocument/2006/relationships/image" Target="../media/image28.svg"/><Relationship Id="rId11" Type="http://schemas.openxmlformats.org/officeDocument/2006/relationships/image" Target="../media/image33.png"/><Relationship Id="rId5" Type="http://schemas.openxmlformats.org/officeDocument/2006/relationships/image" Target="../media/image27.png"/><Relationship Id="rId10" Type="http://schemas.openxmlformats.org/officeDocument/2006/relationships/image" Target="../media/image32.svg"/><Relationship Id="rId4" Type="http://schemas.openxmlformats.org/officeDocument/2006/relationships/image" Target="../media/image26.svg"/><Relationship Id="rId9" Type="http://schemas.openxmlformats.org/officeDocument/2006/relationships/image" Target="../media/image31.png"/><Relationship Id="rId14" Type="http://schemas.openxmlformats.org/officeDocument/2006/relationships/image" Target="../media/image36.svg"/></Relationships>
</file>

<file path=ppt/diagrams/_rels/data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6.png"/><Relationship Id="rId2" Type="http://schemas.openxmlformats.org/officeDocument/2006/relationships/image" Target="../media/image55.png"/><Relationship Id="rId1" Type="http://schemas.openxmlformats.org/officeDocument/2006/relationships/image" Target="../media/image54.png"/><Relationship Id="rId4" Type="http://schemas.openxmlformats.org/officeDocument/2006/relationships/image" Target="../media/image57.png"/></Relationships>
</file>

<file path=ppt/diagrams/_rels/drawing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image" Target="../media/image18.jpeg"/></Relationships>
</file>

<file path=ppt/diagrams/_rels/drawing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svg"/><Relationship Id="rId13" Type="http://schemas.openxmlformats.org/officeDocument/2006/relationships/image" Target="../media/image35.png"/><Relationship Id="rId3" Type="http://schemas.openxmlformats.org/officeDocument/2006/relationships/image" Target="../media/image25.png"/><Relationship Id="rId7" Type="http://schemas.openxmlformats.org/officeDocument/2006/relationships/image" Target="../media/image29.png"/><Relationship Id="rId12" Type="http://schemas.openxmlformats.org/officeDocument/2006/relationships/image" Target="../media/image34.svg"/><Relationship Id="rId2" Type="http://schemas.openxmlformats.org/officeDocument/2006/relationships/image" Target="../media/image24.svg"/><Relationship Id="rId1" Type="http://schemas.openxmlformats.org/officeDocument/2006/relationships/image" Target="../media/image23.png"/><Relationship Id="rId6" Type="http://schemas.openxmlformats.org/officeDocument/2006/relationships/image" Target="../media/image28.svg"/><Relationship Id="rId11" Type="http://schemas.openxmlformats.org/officeDocument/2006/relationships/image" Target="../media/image33.png"/><Relationship Id="rId5" Type="http://schemas.openxmlformats.org/officeDocument/2006/relationships/image" Target="../media/image27.png"/><Relationship Id="rId10" Type="http://schemas.openxmlformats.org/officeDocument/2006/relationships/image" Target="../media/image32.svg"/><Relationship Id="rId4" Type="http://schemas.openxmlformats.org/officeDocument/2006/relationships/image" Target="../media/image26.svg"/><Relationship Id="rId9" Type="http://schemas.openxmlformats.org/officeDocument/2006/relationships/image" Target="../media/image31.png"/><Relationship Id="rId14" Type="http://schemas.openxmlformats.org/officeDocument/2006/relationships/image" Target="../media/image36.svg"/></Relationships>
</file>

<file path=ppt/diagrams/_rels/drawing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6.png"/><Relationship Id="rId2" Type="http://schemas.openxmlformats.org/officeDocument/2006/relationships/image" Target="../media/image55.png"/><Relationship Id="rId1" Type="http://schemas.openxmlformats.org/officeDocument/2006/relationships/image" Target="../media/image54.png"/><Relationship Id="rId4" Type="http://schemas.openxmlformats.org/officeDocument/2006/relationships/image" Target="../media/image57.pn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0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4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5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16.xml><?xml version="1.0" encoding="utf-8"?>
<dgm:colorsDef xmlns:dgm="http://schemas.openxmlformats.org/drawingml/2006/diagram" xmlns:a="http://schemas.openxmlformats.org/drawingml/2006/main" uniqueId="urn:microsoft.com/office/officeart/2005/8/colors/accent1_1">
  <dgm:title val=""/>
  <dgm:desc val=""/>
  <dgm:catLst>
    <dgm:cat type="accent1" pri="11100"/>
  </dgm:catLst>
  <dgm:styleLbl name="node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1">
        <a:alpha val="4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7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8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9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057C22D8-832D-49A9-A589-C377FA2816FE}" type="doc">
      <dgm:prSet loTypeId="urn:microsoft.com/office/officeart/2005/8/layout/v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94F75120-4D99-4E3A-BE49-B884B837543E}">
      <dgm:prSet phldrT="[Text]"/>
      <dgm:spPr/>
      <dgm:t>
        <a:bodyPr/>
        <a:lstStyle/>
        <a:p>
          <a:pPr>
            <a:buClr>
              <a:schemeClr val="tx2"/>
            </a:buClr>
            <a:buFont typeface="Wingdings" panose="05000000000000000000" pitchFamily="2" charset="2"/>
            <a:buChar char="§"/>
          </a:pPr>
          <a:r>
            <a:rPr lang="en-GB" b="0"/>
            <a:t>Introductions</a:t>
          </a:r>
          <a:endParaRPr lang="en-GB" dirty="0"/>
        </a:p>
      </dgm:t>
    </dgm:pt>
    <dgm:pt modelId="{BE1B76BE-8E5D-41B2-95E3-470895A19EB7}" type="parTrans" cxnId="{2BEF8684-8624-4F59-B55F-ECDD69B36BFC}">
      <dgm:prSet/>
      <dgm:spPr/>
      <dgm:t>
        <a:bodyPr/>
        <a:lstStyle/>
        <a:p>
          <a:endParaRPr lang="en-GB"/>
        </a:p>
      </dgm:t>
    </dgm:pt>
    <dgm:pt modelId="{DC4BA08A-7E34-4240-ACF3-D562CEE1072B}" type="sibTrans" cxnId="{2BEF8684-8624-4F59-B55F-ECDD69B36BFC}">
      <dgm:prSet/>
      <dgm:spPr/>
      <dgm:t>
        <a:bodyPr/>
        <a:lstStyle/>
        <a:p>
          <a:endParaRPr lang="en-GB"/>
        </a:p>
      </dgm:t>
    </dgm:pt>
    <dgm:pt modelId="{25DC0AE0-3628-4BC1-A1AE-4E47E8623917}">
      <dgm:prSet/>
      <dgm:spPr/>
      <dgm:t>
        <a:bodyPr/>
        <a:lstStyle/>
        <a:p>
          <a:r>
            <a:rPr lang="en-GB" b="0"/>
            <a:t>Background</a:t>
          </a:r>
          <a:endParaRPr lang="en-GB" b="0" dirty="0"/>
        </a:p>
      </dgm:t>
    </dgm:pt>
    <dgm:pt modelId="{7FA521B1-565C-4D5E-ABC3-629E7FB51331}" type="parTrans" cxnId="{C94F9AFB-DAFD-4AAE-8B1B-BC7E7DC32820}">
      <dgm:prSet/>
      <dgm:spPr/>
      <dgm:t>
        <a:bodyPr/>
        <a:lstStyle/>
        <a:p>
          <a:endParaRPr lang="en-GB"/>
        </a:p>
      </dgm:t>
    </dgm:pt>
    <dgm:pt modelId="{AF47A721-4306-40DE-BE3D-C32A5B964198}" type="sibTrans" cxnId="{C94F9AFB-DAFD-4AAE-8B1B-BC7E7DC32820}">
      <dgm:prSet/>
      <dgm:spPr/>
      <dgm:t>
        <a:bodyPr/>
        <a:lstStyle/>
        <a:p>
          <a:endParaRPr lang="en-GB"/>
        </a:p>
      </dgm:t>
    </dgm:pt>
    <dgm:pt modelId="{2D86CC9B-75DD-4411-AEE9-CB655B5AD20F}">
      <dgm:prSet/>
      <dgm:spPr/>
      <dgm:t>
        <a:bodyPr/>
        <a:lstStyle/>
        <a:p>
          <a:r>
            <a:rPr lang="en-GB" b="0"/>
            <a:t>Phase 1 – Legislation Review </a:t>
          </a:r>
          <a:endParaRPr lang="en-GB" b="0" dirty="0"/>
        </a:p>
      </dgm:t>
    </dgm:pt>
    <dgm:pt modelId="{E633C594-E694-4A14-87B6-2A14B7B4E5CA}" type="parTrans" cxnId="{B143E34A-C5B2-43D9-BF9F-483904D92FBA}">
      <dgm:prSet/>
      <dgm:spPr/>
      <dgm:t>
        <a:bodyPr/>
        <a:lstStyle/>
        <a:p>
          <a:endParaRPr lang="en-GB"/>
        </a:p>
      </dgm:t>
    </dgm:pt>
    <dgm:pt modelId="{017F4B88-09F1-4D39-8D70-46B6EE466B17}" type="sibTrans" cxnId="{B143E34A-C5B2-43D9-BF9F-483904D92FBA}">
      <dgm:prSet/>
      <dgm:spPr/>
      <dgm:t>
        <a:bodyPr/>
        <a:lstStyle/>
        <a:p>
          <a:endParaRPr lang="en-GB"/>
        </a:p>
      </dgm:t>
    </dgm:pt>
    <dgm:pt modelId="{6EEC607B-D23C-46BF-886B-B49C872E6C5F}">
      <dgm:prSet/>
      <dgm:spPr/>
      <dgm:t>
        <a:bodyPr/>
        <a:lstStyle/>
        <a:p>
          <a:r>
            <a:rPr lang="en-GB" b="0"/>
            <a:t>Phase 2 – Guidance for Operators</a:t>
          </a:r>
          <a:endParaRPr lang="en-GB" b="0" dirty="0"/>
        </a:p>
      </dgm:t>
    </dgm:pt>
    <dgm:pt modelId="{901B56F3-41C9-4AF6-9598-C833AEF4CC60}" type="parTrans" cxnId="{0868F2E9-F5D1-4B68-AEE4-A49AF0CF09C8}">
      <dgm:prSet/>
      <dgm:spPr/>
      <dgm:t>
        <a:bodyPr/>
        <a:lstStyle/>
        <a:p>
          <a:endParaRPr lang="en-GB"/>
        </a:p>
      </dgm:t>
    </dgm:pt>
    <dgm:pt modelId="{152B4785-65E5-45B2-B3C0-39E68E7DADA6}" type="sibTrans" cxnId="{0868F2E9-F5D1-4B68-AEE4-A49AF0CF09C8}">
      <dgm:prSet/>
      <dgm:spPr/>
      <dgm:t>
        <a:bodyPr/>
        <a:lstStyle/>
        <a:p>
          <a:endParaRPr lang="en-GB"/>
        </a:p>
      </dgm:t>
    </dgm:pt>
    <dgm:pt modelId="{482ED537-55E2-4EFE-A2DD-019221CFFAA9}" type="pres">
      <dgm:prSet presAssocID="{057C22D8-832D-49A9-A589-C377FA2816FE}" presName="outerComposite" presStyleCnt="0">
        <dgm:presLayoutVars>
          <dgm:chMax val="5"/>
          <dgm:dir/>
          <dgm:resizeHandles val="exact"/>
        </dgm:presLayoutVars>
      </dgm:prSet>
      <dgm:spPr/>
    </dgm:pt>
    <dgm:pt modelId="{D0FAE3BB-E98C-43C7-B6FB-69D85A2A3DBC}" type="pres">
      <dgm:prSet presAssocID="{057C22D8-832D-49A9-A589-C377FA2816FE}" presName="dummyMaxCanvas" presStyleCnt="0">
        <dgm:presLayoutVars/>
      </dgm:prSet>
      <dgm:spPr/>
    </dgm:pt>
    <dgm:pt modelId="{4C6310DC-8BDA-4F7A-BE66-A6AA69DC098D}" type="pres">
      <dgm:prSet presAssocID="{057C22D8-832D-49A9-A589-C377FA2816FE}" presName="FourNodes_1" presStyleLbl="node1" presStyleIdx="0" presStyleCnt="4">
        <dgm:presLayoutVars>
          <dgm:bulletEnabled val="1"/>
        </dgm:presLayoutVars>
      </dgm:prSet>
      <dgm:spPr/>
    </dgm:pt>
    <dgm:pt modelId="{AD5F49FB-F170-489A-96BD-3CA6745C9144}" type="pres">
      <dgm:prSet presAssocID="{057C22D8-832D-49A9-A589-C377FA2816FE}" presName="FourNodes_2" presStyleLbl="node1" presStyleIdx="1" presStyleCnt="4">
        <dgm:presLayoutVars>
          <dgm:bulletEnabled val="1"/>
        </dgm:presLayoutVars>
      </dgm:prSet>
      <dgm:spPr/>
    </dgm:pt>
    <dgm:pt modelId="{D403A6FC-5210-4312-9DDC-5E927259C8C0}" type="pres">
      <dgm:prSet presAssocID="{057C22D8-832D-49A9-A589-C377FA2816FE}" presName="FourNodes_3" presStyleLbl="node1" presStyleIdx="2" presStyleCnt="4">
        <dgm:presLayoutVars>
          <dgm:bulletEnabled val="1"/>
        </dgm:presLayoutVars>
      </dgm:prSet>
      <dgm:spPr/>
    </dgm:pt>
    <dgm:pt modelId="{65C9D845-ED01-4936-BB10-ADBB78846780}" type="pres">
      <dgm:prSet presAssocID="{057C22D8-832D-49A9-A589-C377FA2816FE}" presName="FourNodes_4" presStyleLbl="node1" presStyleIdx="3" presStyleCnt="4">
        <dgm:presLayoutVars>
          <dgm:bulletEnabled val="1"/>
        </dgm:presLayoutVars>
      </dgm:prSet>
      <dgm:spPr/>
    </dgm:pt>
    <dgm:pt modelId="{1EBABA58-885C-4B67-91F6-98D057AE262E}" type="pres">
      <dgm:prSet presAssocID="{057C22D8-832D-49A9-A589-C377FA2816FE}" presName="FourConn_1-2" presStyleLbl="fgAccFollowNode1" presStyleIdx="0" presStyleCnt="3">
        <dgm:presLayoutVars>
          <dgm:bulletEnabled val="1"/>
        </dgm:presLayoutVars>
      </dgm:prSet>
      <dgm:spPr/>
    </dgm:pt>
    <dgm:pt modelId="{2FECC9A8-BAAA-4AAB-9E4E-67801B7F8A31}" type="pres">
      <dgm:prSet presAssocID="{057C22D8-832D-49A9-A589-C377FA2816FE}" presName="FourConn_2-3" presStyleLbl="fgAccFollowNode1" presStyleIdx="1" presStyleCnt="3">
        <dgm:presLayoutVars>
          <dgm:bulletEnabled val="1"/>
        </dgm:presLayoutVars>
      </dgm:prSet>
      <dgm:spPr/>
    </dgm:pt>
    <dgm:pt modelId="{8A867125-3C81-4200-BEDC-F0BB4BAC0793}" type="pres">
      <dgm:prSet presAssocID="{057C22D8-832D-49A9-A589-C377FA2816FE}" presName="FourConn_3-4" presStyleLbl="fgAccFollowNode1" presStyleIdx="2" presStyleCnt="3">
        <dgm:presLayoutVars>
          <dgm:bulletEnabled val="1"/>
        </dgm:presLayoutVars>
      </dgm:prSet>
      <dgm:spPr/>
    </dgm:pt>
    <dgm:pt modelId="{1B51A402-897A-406A-97E2-ABEE33DBD1D3}" type="pres">
      <dgm:prSet presAssocID="{057C22D8-832D-49A9-A589-C377FA2816FE}" presName="FourNodes_1_text" presStyleLbl="node1" presStyleIdx="3" presStyleCnt="4">
        <dgm:presLayoutVars>
          <dgm:bulletEnabled val="1"/>
        </dgm:presLayoutVars>
      </dgm:prSet>
      <dgm:spPr/>
    </dgm:pt>
    <dgm:pt modelId="{44C927DB-0189-4A3C-B7CE-7F1213053CBE}" type="pres">
      <dgm:prSet presAssocID="{057C22D8-832D-49A9-A589-C377FA2816FE}" presName="FourNodes_2_text" presStyleLbl="node1" presStyleIdx="3" presStyleCnt="4">
        <dgm:presLayoutVars>
          <dgm:bulletEnabled val="1"/>
        </dgm:presLayoutVars>
      </dgm:prSet>
      <dgm:spPr/>
    </dgm:pt>
    <dgm:pt modelId="{7DC33EC2-183C-49B1-9A14-1C74B57D8009}" type="pres">
      <dgm:prSet presAssocID="{057C22D8-832D-49A9-A589-C377FA2816FE}" presName="FourNodes_3_text" presStyleLbl="node1" presStyleIdx="3" presStyleCnt="4">
        <dgm:presLayoutVars>
          <dgm:bulletEnabled val="1"/>
        </dgm:presLayoutVars>
      </dgm:prSet>
      <dgm:spPr/>
    </dgm:pt>
    <dgm:pt modelId="{1418F031-B42B-40D3-8723-095611B700BC}" type="pres">
      <dgm:prSet presAssocID="{057C22D8-832D-49A9-A589-C377FA2816FE}" presName="FourNodes_4_text" presStyleLbl="node1" presStyleIdx="3" presStyleCnt="4">
        <dgm:presLayoutVars>
          <dgm:bulletEnabled val="1"/>
        </dgm:presLayoutVars>
      </dgm:prSet>
      <dgm:spPr/>
    </dgm:pt>
  </dgm:ptLst>
  <dgm:cxnLst>
    <dgm:cxn modelId="{CDD73800-BEB1-4B78-8AFA-782A0A77A2F8}" type="presOf" srcId="{2D86CC9B-75DD-4411-AEE9-CB655B5AD20F}" destId="{D403A6FC-5210-4312-9DDC-5E927259C8C0}" srcOrd="0" destOrd="0" presId="urn:microsoft.com/office/officeart/2005/8/layout/vProcess5"/>
    <dgm:cxn modelId="{62B61B06-9A70-4070-9B79-4C3134C77B74}" type="presOf" srcId="{25DC0AE0-3628-4BC1-A1AE-4E47E8623917}" destId="{44C927DB-0189-4A3C-B7CE-7F1213053CBE}" srcOrd="1" destOrd="0" presId="urn:microsoft.com/office/officeart/2005/8/layout/vProcess5"/>
    <dgm:cxn modelId="{43AE8718-C9F3-4F71-9DA0-BF338687C2B7}" type="presOf" srcId="{2D86CC9B-75DD-4411-AEE9-CB655B5AD20F}" destId="{7DC33EC2-183C-49B1-9A14-1C74B57D8009}" srcOrd="1" destOrd="0" presId="urn:microsoft.com/office/officeart/2005/8/layout/vProcess5"/>
    <dgm:cxn modelId="{73F65962-F27E-4423-85AF-C345B7E8DDBA}" type="presOf" srcId="{017F4B88-09F1-4D39-8D70-46B6EE466B17}" destId="{8A867125-3C81-4200-BEDC-F0BB4BAC0793}" srcOrd="0" destOrd="0" presId="urn:microsoft.com/office/officeart/2005/8/layout/vProcess5"/>
    <dgm:cxn modelId="{174F4065-1F6F-4847-8ABD-913EC0981CF2}" type="presOf" srcId="{AF47A721-4306-40DE-BE3D-C32A5B964198}" destId="{2FECC9A8-BAAA-4AAB-9E4E-67801B7F8A31}" srcOrd="0" destOrd="0" presId="urn:microsoft.com/office/officeart/2005/8/layout/vProcess5"/>
    <dgm:cxn modelId="{0CFD9965-B4BF-453A-95C2-44B19CC8CF15}" type="presOf" srcId="{25DC0AE0-3628-4BC1-A1AE-4E47E8623917}" destId="{AD5F49FB-F170-489A-96BD-3CA6745C9144}" srcOrd="0" destOrd="0" presId="urn:microsoft.com/office/officeart/2005/8/layout/vProcess5"/>
    <dgm:cxn modelId="{AB82C44A-CF9B-4F84-9302-C554DB49B4C5}" type="presOf" srcId="{6EEC607B-D23C-46BF-886B-B49C872E6C5F}" destId="{65C9D845-ED01-4936-BB10-ADBB78846780}" srcOrd="0" destOrd="0" presId="urn:microsoft.com/office/officeart/2005/8/layout/vProcess5"/>
    <dgm:cxn modelId="{B143E34A-C5B2-43D9-BF9F-483904D92FBA}" srcId="{057C22D8-832D-49A9-A589-C377FA2816FE}" destId="{2D86CC9B-75DD-4411-AEE9-CB655B5AD20F}" srcOrd="2" destOrd="0" parTransId="{E633C594-E694-4A14-87B6-2A14B7B4E5CA}" sibTransId="{017F4B88-09F1-4D39-8D70-46B6EE466B17}"/>
    <dgm:cxn modelId="{61DCBB4C-CF1A-402A-9E32-25D3A53E71E3}" type="presOf" srcId="{94F75120-4D99-4E3A-BE49-B884B837543E}" destId="{4C6310DC-8BDA-4F7A-BE66-A6AA69DC098D}" srcOrd="0" destOrd="0" presId="urn:microsoft.com/office/officeart/2005/8/layout/vProcess5"/>
    <dgm:cxn modelId="{E97B797B-337A-4D71-BE8E-BD2EFD432BA8}" type="presOf" srcId="{057C22D8-832D-49A9-A589-C377FA2816FE}" destId="{482ED537-55E2-4EFE-A2DD-019221CFFAA9}" srcOrd="0" destOrd="0" presId="urn:microsoft.com/office/officeart/2005/8/layout/vProcess5"/>
    <dgm:cxn modelId="{2BEF8684-8624-4F59-B55F-ECDD69B36BFC}" srcId="{057C22D8-832D-49A9-A589-C377FA2816FE}" destId="{94F75120-4D99-4E3A-BE49-B884B837543E}" srcOrd="0" destOrd="0" parTransId="{BE1B76BE-8E5D-41B2-95E3-470895A19EB7}" sibTransId="{DC4BA08A-7E34-4240-ACF3-D562CEE1072B}"/>
    <dgm:cxn modelId="{C7623C8C-275A-4B5D-8407-A198F6CFE8A9}" type="presOf" srcId="{DC4BA08A-7E34-4240-ACF3-D562CEE1072B}" destId="{1EBABA58-885C-4B67-91F6-98D057AE262E}" srcOrd="0" destOrd="0" presId="urn:microsoft.com/office/officeart/2005/8/layout/vProcess5"/>
    <dgm:cxn modelId="{6ED8AC93-4E42-4FDC-8824-5B97337FFD40}" type="presOf" srcId="{6EEC607B-D23C-46BF-886B-B49C872E6C5F}" destId="{1418F031-B42B-40D3-8723-095611B700BC}" srcOrd="1" destOrd="0" presId="urn:microsoft.com/office/officeart/2005/8/layout/vProcess5"/>
    <dgm:cxn modelId="{D2F6EAC6-76EA-4B35-A8EA-C78F7C63DB82}" type="presOf" srcId="{94F75120-4D99-4E3A-BE49-B884B837543E}" destId="{1B51A402-897A-406A-97E2-ABEE33DBD1D3}" srcOrd="1" destOrd="0" presId="urn:microsoft.com/office/officeart/2005/8/layout/vProcess5"/>
    <dgm:cxn modelId="{0868F2E9-F5D1-4B68-AEE4-A49AF0CF09C8}" srcId="{057C22D8-832D-49A9-A589-C377FA2816FE}" destId="{6EEC607B-D23C-46BF-886B-B49C872E6C5F}" srcOrd="3" destOrd="0" parTransId="{901B56F3-41C9-4AF6-9598-C833AEF4CC60}" sibTransId="{152B4785-65E5-45B2-B3C0-39E68E7DADA6}"/>
    <dgm:cxn modelId="{C94F9AFB-DAFD-4AAE-8B1B-BC7E7DC32820}" srcId="{057C22D8-832D-49A9-A589-C377FA2816FE}" destId="{25DC0AE0-3628-4BC1-A1AE-4E47E8623917}" srcOrd="1" destOrd="0" parTransId="{7FA521B1-565C-4D5E-ABC3-629E7FB51331}" sibTransId="{AF47A721-4306-40DE-BE3D-C32A5B964198}"/>
    <dgm:cxn modelId="{91B94DE9-B42F-40A1-ABEB-6A75EB076556}" type="presParOf" srcId="{482ED537-55E2-4EFE-A2DD-019221CFFAA9}" destId="{D0FAE3BB-E98C-43C7-B6FB-69D85A2A3DBC}" srcOrd="0" destOrd="0" presId="urn:microsoft.com/office/officeart/2005/8/layout/vProcess5"/>
    <dgm:cxn modelId="{F78C1227-F878-42B4-ACD5-DDDF99A0A410}" type="presParOf" srcId="{482ED537-55E2-4EFE-A2DD-019221CFFAA9}" destId="{4C6310DC-8BDA-4F7A-BE66-A6AA69DC098D}" srcOrd="1" destOrd="0" presId="urn:microsoft.com/office/officeart/2005/8/layout/vProcess5"/>
    <dgm:cxn modelId="{1B3DB2F6-94D9-41F4-B8D7-A743C996BF45}" type="presParOf" srcId="{482ED537-55E2-4EFE-A2DD-019221CFFAA9}" destId="{AD5F49FB-F170-489A-96BD-3CA6745C9144}" srcOrd="2" destOrd="0" presId="urn:microsoft.com/office/officeart/2005/8/layout/vProcess5"/>
    <dgm:cxn modelId="{0BEC7688-9E39-4FD3-859C-89929E205CD6}" type="presParOf" srcId="{482ED537-55E2-4EFE-A2DD-019221CFFAA9}" destId="{D403A6FC-5210-4312-9DDC-5E927259C8C0}" srcOrd="3" destOrd="0" presId="urn:microsoft.com/office/officeart/2005/8/layout/vProcess5"/>
    <dgm:cxn modelId="{07CF8B97-086D-4221-85E5-924726B99A2C}" type="presParOf" srcId="{482ED537-55E2-4EFE-A2DD-019221CFFAA9}" destId="{65C9D845-ED01-4936-BB10-ADBB78846780}" srcOrd="4" destOrd="0" presId="urn:microsoft.com/office/officeart/2005/8/layout/vProcess5"/>
    <dgm:cxn modelId="{4BCDEF20-941C-411E-956B-DAC613F48790}" type="presParOf" srcId="{482ED537-55E2-4EFE-A2DD-019221CFFAA9}" destId="{1EBABA58-885C-4B67-91F6-98D057AE262E}" srcOrd="5" destOrd="0" presId="urn:microsoft.com/office/officeart/2005/8/layout/vProcess5"/>
    <dgm:cxn modelId="{C4534FBC-1F41-4A29-8F67-B5C503D548D1}" type="presParOf" srcId="{482ED537-55E2-4EFE-A2DD-019221CFFAA9}" destId="{2FECC9A8-BAAA-4AAB-9E4E-67801B7F8A31}" srcOrd="6" destOrd="0" presId="urn:microsoft.com/office/officeart/2005/8/layout/vProcess5"/>
    <dgm:cxn modelId="{14C4A2B9-6FCA-4D2F-98D1-2EB2BEF27071}" type="presParOf" srcId="{482ED537-55E2-4EFE-A2DD-019221CFFAA9}" destId="{8A867125-3C81-4200-BEDC-F0BB4BAC0793}" srcOrd="7" destOrd="0" presId="urn:microsoft.com/office/officeart/2005/8/layout/vProcess5"/>
    <dgm:cxn modelId="{A645C6C8-DB03-4775-B24A-D16273861FA9}" type="presParOf" srcId="{482ED537-55E2-4EFE-A2DD-019221CFFAA9}" destId="{1B51A402-897A-406A-97E2-ABEE33DBD1D3}" srcOrd="8" destOrd="0" presId="urn:microsoft.com/office/officeart/2005/8/layout/vProcess5"/>
    <dgm:cxn modelId="{6A6CCB3A-2F03-469B-B570-0213DC059D18}" type="presParOf" srcId="{482ED537-55E2-4EFE-A2DD-019221CFFAA9}" destId="{44C927DB-0189-4A3C-B7CE-7F1213053CBE}" srcOrd="9" destOrd="0" presId="urn:microsoft.com/office/officeart/2005/8/layout/vProcess5"/>
    <dgm:cxn modelId="{56AFFC62-F4FA-4ED7-BADA-8DBF4BB26085}" type="presParOf" srcId="{482ED537-55E2-4EFE-A2DD-019221CFFAA9}" destId="{7DC33EC2-183C-49B1-9A14-1C74B57D8009}" srcOrd="10" destOrd="0" presId="urn:microsoft.com/office/officeart/2005/8/layout/vProcess5"/>
    <dgm:cxn modelId="{C6C4854E-2D5C-4908-BC98-0A4C031357F5}" type="presParOf" srcId="{482ED537-55E2-4EFE-A2DD-019221CFFAA9}" destId="{1418F031-B42B-40D3-8723-095611B700BC}" srcOrd="11" destOrd="0" presId="urn:microsoft.com/office/officeart/2005/8/layout/vProcess5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10.xml><?xml version="1.0" encoding="utf-8"?>
<dgm:dataModel xmlns:dgm="http://schemas.openxmlformats.org/drawingml/2006/diagram" xmlns:a="http://schemas.openxmlformats.org/drawingml/2006/main">
  <dgm:ptLst>
    <dgm:pt modelId="{7318162C-E330-4FBE-8CD8-0BD4B006B736}" type="doc">
      <dgm:prSet loTypeId="urn:microsoft.com/office/officeart/2005/8/layout/process2" loCatId="process" qsTypeId="urn:microsoft.com/office/officeart/2005/8/quickstyle/simple1" qsCatId="simple" csTypeId="urn:microsoft.com/office/officeart/2005/8/colors/accent1_2" csCatId="accent1" phldr="1"/>
      <dgm:spPr/>
    </dgm:pt>
    <dgm:pt modelId="{98FAA2A4-EFBD-4C41-A2EB-E4A15BB55A6B}">
      <dgm:prSet phldrT="[Text]" custT="1"/>
      <dgm:spPr/>
      <dgm:t>
        <a:bodyPr/>
        <a:lstStyle/>
        <a:p>
          <a:pPr>
            <a:buClr>
              <a:srgbClr val="F37021"/>
            </a:buClr>
            <a:buFont typeface="Arial" pitchFamily="34" charset="0"/>
            <a:buChar char="•"/>
          </a:pPr>
          <a:r>
            <a:rPr lang="en-GB" sz="1400" b="1" dirty="0">
              <a:solidFill>
                <a:schemeClr val="bg1"/>
              </a:solidFill>
              <a:latin typeface="Arial"/>
            </a:rPr>
            <a:t>Dolphyn Hydrogen</a:t>
          </a:r>
        </a:p>
        <a:p>
          <a:pPr>
            <a:buClr>
              <a:srgbClr val="F37021"/>
            </a:buClr>
            <a:buFont typeface="Arial" pitchFamily="34" charset="0"/>
            <a:buChar char="•"/>
          </a:pPr>
          <a:r>
            <a:rPr lang="en-GB" sz="1400" b="0" dirty="0">
              <a:solidFill>
                <a:schemeClr val="bg1"/>
              </a:solidFill>
              <a:latin typeface="Arial"/>
            </a:rPr>
            <a:t>‘Green’ hydrogen production </a:t>
          </a:r>
        </a:p>
        <a:p>
          <a:pPr>
            <a:buClr>
              <a:srgbClr val="F37021"/>
            </a:buClr>
            <a:buFont typeface="Arial" pitchFamily="34" charset="0"/>
            <a:buChar char="•"/>
          </a:pPr>
          <a:r>
            <a:rPr lang="en-GB" sz="1400" b="0" dirty="0">
              <a:solidFill>
                <a:schemeClr val="bg1"/>
              </a:solidFill>
              <a:latin typeface="Arial"/>
            </a:rPr>
            <a:t>(Electrolysis of seawater using wind power)</a:t>
          </a:r>
          <a:endParaRPr lang="en-GB" sz="1400" b="0" dirty="0">
            <a:solidFill>
              <a:schemeClr val="bg1"/>
            </a:solidFill>
          </a:endParaRPr>
        </a:p>
      </dgm:t>
    </dgm:pt>
    <dgm:pt modelId="{ED13E609-9B64-41FC-AD59-EE5A3A4D1E23}" type="parTrans" cxnId="{51684BF2-696E-48E3-9902-5C8908B65C18}">
      <dgm:prSet/>
      <dgm:spPr/>
      <dgm:t>
        <a:bodyPr/>
        <a:lstStyle/>
        <a:p>
          <a:endParaRPr lang="en-GB"/>
        </a:p>
      </dgm:t>
    </dgm:pt>
    <dgm:pt modelId="{46247387-55BA-46B7-B8B6-CB60FBC28C2F}" type="sibTrans" cxnId="{51684BF2-696E-48E3-9902-5C8908B65C18}">
      <dgm:prSet/>
      <dgm:spPr/>
      <dgm:t>
        <a:bodyPr/>
        <a:lstStyle/>
        <a:p>
          <a:endParaRPr lang="en-GB"/>
        </a:p>
      </dgm:t>
    </dgm:pt>
    <dgm:pt modelId="{E93475BB-42CB-46A2-8BD7-ABB0EC4EB7EA}">
      <dgm:prSet custT="1"/>
      <dgm:spPr/>
      <dgm:t>
        <a:bodyPr/>
        <a:lstStyle/>
        <a:p>
          <a:pPr>
            <a:buClr>
              <a:srgbClr val="F37021"/>
            </a:buClr>
            <a:buFont typeface="Arial" pitchFamily="34" charset="0"/>
            <a:buChar char="•"/>
          </a:pPr>
          <a:r>
            <a:rPr lang="en-GB" sz="1400" b="1" dirty="0">
              <a:solidFill>
                <a:schemeClr val="bg1"/>
              </a:solidFill>
              <a:latin typeface="Arial"/>
            </a:rPr>
            <a:t>Subsea Pipeline</a:t>
          </a:r>
        </a:p>
      </dgm:t>
    </dgm:pt>
    <dgm:pt modelId="{F773D4DF-156E-4834-A195-8386369FB8CC}" type="parTrans" cxnId="{907D161C-23D8-4EF3-89B1-7BD1D8F8B510}">
      <dgm:prSet/>
      <dgm:spPr/>
      <dgm:t>
        <a:bodyPr/>
        <a:lstStyle/>
        <a:p>
          <a:endParaRPr lang="en-GB"/>
        </a:p>
      </dgm:t>
    </dgm:pt>
    <dgm:pt modelId="{DED00263-0872-4102-ACEE-7A7E88EBF935}" type="sibTrans" cxnId="{907D161C-23D8-4EF3-89B1-7BD1D8F8B510}">
      <dgm:prSet/>
      <dgm:spPr/>
      <dgm:t>
        <a:bodyPr/>
        <a:lstStyle/>
        <a:p>
          <a:endParaRPr lang="en-GB"/>
        </a:p>
      </dgm:t>
    </dgm:pt>
    <dgm:pt modelId="{2522FD4A-26D3-431B-B635-5012B22B3FDA}">
      <dgm:prSet custT="1"/>
      <dgm:spPr/>
      <dgm:t>
        <a:bodyPr/>
        <a:lstStyle/>
        <a:p>
          <a:pPr>
            <a:buClr>
              <a:srgbClr val="F37021"/>
            </a:buClr>
            <a:buFont typeface="Arial" pitchFamily="34" charset="0"/>
            <a:buChar char="•"/>
          </a:pPr>
          <a:r>
            <a:rPr lang="en-GB" sz="1400" b="1" dirty="0">
              <a:solidFill>
                <a:schemeClr val="bg1"/>
              </a:solidFill>
              <a:latin typeface="Arial"/>
            </a:rPr>
            <a:t>Onshore Facilities</a:t>
          </a:r>
        </a:p>
        <a:p>
          <a:pPr>
            <a:buClr>
              <a:srgbClr val="F37021"/>
            </a:buClr>
            <a:buFont typeface="Arial" pitchFamily="34" charset="0"/>
            <a:buChar char="•"/>
          </a:pPr>
          <a:r>
            <a:rPr lang="en-GB" sz="1400" b="0" dirty="0">
              <a:solidFill>
                <a:schemeClr val="bg1"/>
              </a:solidFill>
              <a:latin typeface="Arial"/>
            </a:rPr>
            <a:t>Storage, Compression &amp; Metering</a:t>
          </a:r>
        </a:p>
      </dgm:t>
    </dgm:pt>
    <dgm:pt modelId="{F349DF0F-C317-4E07-8BDF-47E4B5000177}" type="parTrans" cxnId="{FDC66E85-831A-4671-8196-823414D3749D}">
      <dgm:prSet/>
      <dgm:spPr/>
      <dgm:t>
        <a:bodyPr/>
        <a:lstStyle/>
        <a:p>
          <a:endParaRPr lang="en-GB"/>
        </a:p>
      </dgm:t>
    </dgm:pt>
    <dgm:pt modelId="{B09081C4-BBE3-4853-89B9-025A28FBB5BE}" type="sibTrans" cxnId="{FDC66E85-831A-4671-8196-823414D3749D}">
      <dgm:prSet/>
      <dgm:spPr/>
      <dgm:t>
        <a:bodyPr/>
        <a:lstStyle/>
        <a:p>
          <a:endParaRPr lang="en-GB"/>
        </a:p>
      </dgm:t>
    </dgm:pt>
    <dgm:pt modelId="{2E816BFE-2AE7-4C52-8F88-F07F61940E40}" type="pres">
      <dgm:prSet presAssocID="{7318162C-E330-4FBE-8CD8-0BD4B006B736}" presName="linearFlow" presStyleCnt="0">
        <dgm:presLayoutVars>
          <dgm:resizeHandles val="exact"/>
        </dgm:presLayoutVars>
      </dgm:prSet>
      <dgm:spPr/>
    </dgm:pt>
    <dgm:pt modelId="{2F9DE204-15F9-4764-9A52-EA9AFC6E6AEC}" type="pres">
      <dgm:prSet presAssocID="{98FAA2A4-EFBD-4C41-A2EB-E4A15BB55A6B}" presName="node" presStyleLbl="node1" presStyleIdx="0" presStyleCnt="3" custScaleX="149824" custScaleY="133987">
        <dgm:presLayoutVars>
          <dgm:bulletEnabled val="1"/>
        </dgm:presLayoutVars>
      </dgm:prSet>
      <dgm:spPr/>
    </dgm:pt>
    <dgm:pt modelId="{90EA7C8B-D058-40EB-9CBF-DC709AC5DFE9}" type="pres">
      <dgm:prSet presAssocID="{46247387-55BA-46B7-B8B6-CB60FBC28C2F}" presName="sibTrans" presStyleLbl="sibTrans2D1" presStyleIdx="0" presStyleCnt="2"/>
      <dgm:spPr/>
    </dgm:pt>
    <dgm:pt modelId="{6F46A5C4-DC7D-4911-8CE9-CB1B6B38E898}" type="pres">
      <dgm:prSet presAssocID="{46247387-55BA-46B7-B8B6-CB60FBC28C2F}" presName="connectorText" presStyleLbl="sibTrans2D1" presStyleIdx="0" presStyleCnt="2"/>
      <dgm:spPr/>
    </dgm:pt>
    <dgm:pt modelId="{E2509785-F39E-4948-B1D1-46CF873679E6}" type="pres">
      <dgm:prSet presAssocID="{E93475BB-42CB-46A2-8BD7-ABB0EC4EB7EA}" presName="node" presStyleLbl="node1" presStyleIdx="1" presStyleCnt="3" custScaleX="149824">
        <dgm:presLayoutVars>
          <dgm:bulletEnabled val="1"/>
        </dgm:presLayoutVars>
      </dgm:prSet>
      <dgm:spPr/>
    </dgm:pt>
    <dgm:pt modelId="{6BCE57F2-8467-459A-AF86-5D49318CE177}" type="pres">
      <dgm:prSet presAssocID="{DED00263-0872-4102-ACEE-7A7E88EBF935}" presName="sibTrans" presStyleLbl="sibTrans2D1" presStyleIdx="1" presStyleCnt="2"/>
      <dgm:spPr/>
    </dgm:pt>
    <dgm:pt modelId="{625E8D90-CA18-4CE0-B76D-F73695250CBE}" type="pres">
      <dgm:prSet presAssocID="{DED00263-0872-4102-ACEE-7A7E88EBF935}" presName="connectorText" presStyleLbl="sibTrans2D1" presStyleIdx="1" presStyleCnt="2"/>
      <dgm:spPr/>
    </dgm:pt>
    <dgm:pt modelId="{83DE8D8F-3D27-4A83-8662-00EC3CDEE26B}" type="pres">
      <dgm:prSet presAssocID="{2522FD4A-26D3-431B-B635-5012B22B3FDA}" presName="node" presStyleLbl="node1" presStyleIdx="2" presStyleCnt="3" custScaleX="149824">
        <dgm:presLayoutVars>
          <dgm:bulletEnabled val="1"/>
        </dgm:presLayoutVars>
      </dgm:prSet>
      <dgm:spPr/>
    </dgm:pt>
  </dgm:ptLst>
  <dgm:cxnLst>
    <dgm:cxn modelId="{23C6601A-DE1C-48D8-A603-3A87DCBD75F2}" type="presOf" srcId="{2522FD4A-26D3-431B-B635-5012B22B3FDA}" destId="{83DE8D8F-3D27-4A83-8662-00EC3CDEE26B}" srcOrd="0" destOrd="0" presId="urn:microsoft.com/office/officeart/2005/8/layout/process2"/>
    <dgm:cxn modelId="{907D161C-23D8-4EF3-89B1-7BD1D8F8B510}" srcId="{7318162C-E330-4FBE-8CD8-0BD4B006B736}" destId="{E93475BB-42CB-46A2-8BD7-ABB0EC4EB7EA}" srcOrd="1" destOrd="0" parTransId="{F773D4DF-156E-4834-A195-8386369FB8CC}" sibTransId="{DED00263-0872-4102-ACEE-7A7E88EBF935}"/>
    <dgm:cxn modelId="{594CAD23-EB7B-437C-97B0-E4AED40C0E5E}" type="presOf" srcId="{DED00263-0872-4102-ACEE-7A7E88EBF935}" destId="{625E8D90-CA18-4CE0-B76D-F73695250CBE}" srcOrd="1" destOrd="0" presId="urn:microsoft.com/office/officeart/2005/8/layout/process2"/>
    <dgm:cxn modelId="{62100672-2E13-4994-A6A9-7A0F4E53C9AC}" type="presOf" srcId="{98FAA2A4-EFBD-4C41-A2EB-E4A15BB55A6B}" destId="{2F9DE204-15F9-4764-9A52-EA9AFC6E6AEC}" srcOrd="0" destOrd="0" presId="urn:microsoft.com/office/officeart/2005/8/layout/process2"/>
    <dgm:cxn modelId="{B3985D72-6B60-4733-8CC7-C50F42467DE4}" type="presOf" srcId="{E93475BB-42CB-46A2-8BD7-ABB0EC4EB7EA}" destId="{E2509785-F39E-4948-B1D1-46CF873679E6}" srcOrd="0" destOrd="0" presId="urn:microsoft.com/office/officeart/2005/8/layout/process2"/>
    <dgm:cxn modelId="{BC87917B-90BF-47EE-8BC8-8620208D0A3D}" type="presOf" srcId="{DED00263-0872-4102-ACEE-7A7E88EBF935}" destId="{6BCE57F2-8467-459A-AF86-5D49318CE177}" srcOrd="0" destOrd="0" presId="urn:microsoft.com/office/officeart/2005/8/layout/process2"/>
    <dgm:cxn modelId="{FDC66E85-831A-4671-8196-823414D3749D}" srcId="{7318162C-E330-4FBE-8CD8-0BD4B006B736}" destId="{2522FD4A-26D3-431B-B635-5012B22B3FDA}" srcOrd="2" destOrd="0" parTransId="{F349DF0F-C317-4E07-8BDF-47E4B5000177}" sibTransId="{B09081C4-BBE3-4853-89B9-025A28FBB5BE}"/>
    <dgm:cxn modelId="{F7D171A3-D76C-4CE7-928A-F52DAABC8009}" type="presOf" srcId="{7318162C-E330-4FBE-8CD8-0BD4B006B736}" destId="{2E816BFE-2AE7-4C52-8F88-F07F61940E40}" srcOrd="0" destOrd="0" presId="urn:microsoft.com/office/officeart/2005/8/layout/process2"/>
    <dgm:cxn modelId="{D90FCED1-3624-42CF-AD72-5EC1768E570E}" type="presOf" srcId="{46247387-55BA-46B7-B8B6-CB60FBC28C2F}" destId="{6F46A5C4-DC7D-4911-8CE9-CB1B6B38E898}" srcOrd="1" destOrd="0" presId="urn:microsoft.com/office/officeart/2005/8/layout/process2"/>
    <dgm:cxn modelId="{51684BF2-696E-48E3-9902-5C8908B65C18}" srcId="{7318162C-E330-4FBE-8CD8-0BD4B006B736}" destId="{98FAA2A4-EFBD-4C41-A2EB-E4A15BB55A6B}" srcOrd="0" destOrd="0" parTransId="{ED13E609-9B64-41FC-AD59-EE5A3A4D1E23}" sibTransId="{46247387-55BA-46B7-B8B6-CB60FBC28C2F}"/>
    <dgm:cxn modelId="{67635EFA-ACB5-4BD4-B4A6-3F44A500ACFF}" type="presOf" srcId="{46247387-55BA-46B7-B8B6-CB60FBC28C2F}" destId="{90EA7C8B-D058-40EB-9CBF-DC709AC5DFE9}" srcOrd="0" destOrd="0" presId="urn:microsoft.com/office/officeart/2005/8/layout/process2"/>
    <dgm:cxn modelId="{E9FC12B4-5F8B-488D-8D82-311DBA2DD029}" type="presParOf" srcId="{2E816BFE-2AE7-4C52-8F88-F07F61940E40}" destId="{2F9DE204-15F9-4764-9A52-EA9AFC6E6AEC}" srcOrd="0" destOrd="0" presId="urn:microsoft.com/office/officeart/2005/8/layout/process2"/>
    <dgm:cxn modelId="{913AE688-6BEE-462F-994B-1AE987C2081F}" type="presParOf" srcId="{2E816BFE-2AE7-4C52-8F88-F07F61940E40}" destId="{90EA7C8B-D058-40EB-9CBF-DC709AC5DFE9}" srcOrd="1" destOrd="0" presId="urn:microsoft.com/office/officeart/2005/8/layout/process2"/>
    <dgm:cxn modelId="{E8592663-721B-4327-8E54-52A0D9C97663}" type="presParOf" srcId="{90EA7C8B-D058-40EB-9CBF-DC709AC5DFE9}" destId="{6F46A5C4-DC7D-4911-8CE9-CB1B6B38E898}" srcOrd="0" destOrd="0" presId="urn:microsoft.com/office/officeart/2005/8/layout/process2"/>
    <dgm:cxn modelId="{46AFCAE8-B800-4346-8735-70BDF01CAD58}" type="presParOf" srcId="{2E816BFE-2AE7-4C52-8F88-F07F61940E40}" destId="{E2509785-F39E-4948-B1D1-46CF873679E6}" srcOrd="2" destOrd="0" presId="urn:microsoft.com/office/officeart/2005/8/layout/process2"/>
    <dgm:cxn modelId="{49C9D4D9-67D2-4B2B-9F57-FB61BA5C67A4}" type="presParOf" srcId="{2E816BFE-2AE7-4C52-8F88-F07F61940E40}" destId="{6BCE57F2-8467-459A-AF86-5D49318CE177}" srcOrd="3" destOrd="0" presId="urn:microsoft.com/office/officeart/2005/8/layout/process2"/>
    <dgm:cxn modelId="{6F38B0B2-9547-4115-864F-D915E0ABD396}" type="presParOf" srcId="{6BCE57F2-8467-459A-AF86-5D49318CE177}" destId="{625E8D90-CA18-4CE0-B76D-F73695250CBE}" srcOrd="0" destOrd="0" presId="urn:microsoft.com/office/officeart/2005/8/layout/process2"/>
    <dgm:cxn modelId="{A3CD3C05-5C57-4DED-BE83-6EDDEF8B73DF}" type="presParOf" srcId="{2E816BFE-2AE7-4C52-8F88-F07F61940E40}" destId="{83DE8D8F-3D27-4A83-8662-00EC3CDEE26B}" srcOrd="4" destOrd="0" presId="urn:microsoft.com/office/officeart/2005/8/layout/process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1.xml><?xml version="1.0" encoding="utf-8"?>
<dgm:dataModel xmlns:dgm="http://schemas.openxmlformats.org/drawingml/2006/diagram" xmlns:a="http://schemas.openxmlformats.org/drawingml/2006/main">
  <dgm:ptLst>
    <dgm:pt modelId="{BF9BD17C-AE66-4701-AECA-106BC77BB6A6}" type="doc">
      <dgm:prSet loTypeId="urn:microsoft.com/office/officeart/2005/8/layout/vList5" loCatId="list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FE5A6652-DBB2-4792-900B-52ED35F05DD4}">
      <dgm:prSet/>
      <dgm:spPr/>
      <dgm:t>
        <a:bodyPr/>
        <a:lstStyle/>
        <a:p>
          <a:r>
            <a:rPr lang="en-GB" b="1"/>
            <a:t>Regulatory Framework</a:t>
          </a:r>
          <a:endParaRPr lang="en-US"/>
        </a:p>
      </dgm:t>
    </dgm:pt>
    <dgm:pt modelId="{AD2EE361-B16D-4348-94FC-60CC3A8BE065}" type="parTrans" cxnId="{A204BD9D-F0C7-4055-AD6C-8F61D754FAF1}">
      <dgm:prSet/>
      <dgm:spPr/>
      <dgm:t>
        <a:bodyPr/>
        <a:lstStyle/>
        <a:p>
          <a:endParaRPr lang="en-US"/>
        </a:p>
      </dgm:t>
    </dgm:pt>
    <dgm:pt modelId="{43E2ED19-E734-4CFD-B06B-B7666B6B4C6E}" type="sibTrans" cxnId="{A204BD9D-F0C7-4055-AD6C-8F61D754FAF1}">
      <dgm:prSet/>
      <dgm:spPr/>
      <dgm:t>
        <a:bodyPr/>
        <a:lstStyle/>
        <a:p>
          <a:endParaRPr lang="en-US"/>
        </a:p>
      </dgm:t>
    </dgm:pt>
    <dgm:pt modelId="{162D9511-5CAE-4360-96ED-3C8E6DB8B959}">
      <dgm:prSet custT="1"/>
      <dgm:spPr/>
      <dgm:t>
        <a:bodyPr/>
        <a:lstStyle/>
        <a:p>
          <a:r>
            <a:rPr lang="en-GB" sz="1600" dirty="0"/>
            <a:t>Lack of regulatory framework for the offshore production of hydrogen</a:t>
          </a:r>
          <a:endParaRPr lang="en-US" sz="1600" dirty="0"/>
        </a:p>
      </dgm:t>
    </dgm:pt>
    <dgm:pt modelId="{EB8F2654-EEC1-4564-BB0D-3507EE5DCA4B}" type="parTrans" cxnId="{566E1D87-A9DB-4267-81D5-0AD4F874E2D4}">
      <dgm:prSet/>
      <dgm:spPr/>
      <dgm:t>
        <a:bodyPr/>
        <a:lstStyle/>
        <a:p>
          <a:endParaRPr lang="en-US"/>
        </a:p>
      </dgm:t>
    </dgm:pt>
    <dgm:pt modelId="{5BE1040D-FA34-4503-B460-7FF36A7D12AF}" type="sibTrans" cxnId="{566E1D87-A9DB-4267-81D5-0AD4F874E2D4}">
      <dgm:prSet/>
      <dgm:spPr/>
      <dgm:t>
        <a:bodyPr/>
        <a:lstStyle/>
        <a:p>
          <a:endParaRPr lang="en-US"/>
        </a:p>
      </dgm:t>
    </dgm:pt>
    <dgm:pt modelId="{3ECD2667-41CF-4EF5-B518-527CBFAFF38F}">
      <dgm:prSet custT="1"/>
      <dgm:spPr/>
      <dgm:t>
        <a:bodyPr/>
        <a:lstStyle/>
        <a:p>
          <a:r>
            <a:rPr lang="en-GB" sz="1600" dirty="0"/>
            <a:t>Onshore facilities unlikely to exceed COMAH thresholds</a:t>
          </a:r>
          <a:endParaRPr lang="en-US" sz="1600" dirty="0"/>
        </a:p>
      </dgm:t>
    </dgm:pt>
    <dgm:pt modelId="{DC5B9416-7D67-45C8-A858-53DD6E8E3133}" type="parTrans" cxnId="{255F5DFF-F5C2-424F-A800-A87FB97F1780}">
      <dgm:prSet/>
      <dgm:spPr/>
      <dgm:t>
        <a:bodyPr/>
        <a:lstStyle/>
        <a:p>
          <a:endParaRPr lang="en-US"/>
        </a:p>
      </dgm:t>
    </dgm:pt>
    <dgm:pt modelId="{A5DF3777-7BA2-4713-8CC9-226AC1A85229}" type="sibTrans" cxnId="{255F5DFF-F5C2-424F-A800-A87FB97F1780}">
      <dgm:prSet/>
      <dgm:spPr/>
      <dgm:t>
        <a:bodyPr/>
        <a:lstStyle/>
        <a:p>
          <a:endParaRPr lang="en-US"/>
        </a:p>
      </dgm:t>
    </dgm:pt>
    <dgm:pt modelId="{577E87CC-5138-4FC3-919D-4680EAF82EEC}">
      <dgm:prSet custT="1"/>
      <dgm:spPr/>
      <dgm:t>
        <a:bodyPr/>
        <a:lstStyle/>
        <a:p>
          <a:r>
            <a:rPr lang="en-GB" sz="1600" dirty="0"/>
            <a:t>General H&amp;S legislation (HSWA)</a:t>
          </a:r>
          <a:endParaRPr lang="en-US" sz="1600" dirty="0"/>
        </a:p>
      </dgm:t>
    </dgm:pt>
    <dgm:pt modelId="{F96D4952-FDD3-4F8F-8389-DBAD095E3604}" type="parTrans" cxnId="{4B969B88-1E72-4D8F-AD5E-E80C097FA6DD}">
      <dgm:prSet/>
      <dgm:spPr/>
      <dgm:t>
        <a:bodyPr/>
        <a:lstStyle/>
        <a:p>
          <a:endParaRPr lang="en-US"/>
        </a:p>
      </dgm:t>
    </dgm:pt>
    <dgm:pt modelId="{A1E85998-EFCE-4F66-A9CC-6FC050AC0E13}" type="sibTrans" cxnId="{4B969B88-1E72-4D8F-AD5E-E80C097FA6DD}">
      <dgm:prSet/>
      <dgm:spPr/>
      <dgm:t>
        <a:bodyPr/>
        <a:lstStyle/>
        <a:p>
          <a:endParaRPr lang="en-US"/>
        </a:p>
      </dgm:t>
    </dgm:pt>
    <dgm:pt modelId="{D6E8651C-51D3-41F1-8707-883D432E5BB9}">
      <dgm:prSet/>
      <dgm:spPr/>
      <dgm:t>
        <a:bodyPr/>
        <a:lstStyle/>
        <a:p>
          <a:r>
            <a:rPr lang="en-GB" b="1"/>
            <a:t>Key Findings</a:t>
          </a:r>
          <a:endParaRPr lang="en-US"/>
        </a:p>
      </dgm:t>
    </dgm:pt>
    <dgm:pt modelId="{F76C85AC-64D5-4824-9FB1-A067DF24B6C6}" type="parTrans" cxnId="{26A81BB7-6293-4833-B41D-1B6CC50AA360}">
      <dgm:prSet/>
      <dgm:spPr/>
      <dgm:t>
        <a:bodyPr/>
        <a:lstStyle/>
        <a:p>
          <a:endParaRPr lang="en-US"/>
        </a:p>
      </dgm:t>
    </dgm:pt>
    <dgm:pt modelId="{CB40D66C-A89B-49B4-835D-3BEE4BE18490}" type="sibTrans" cxnId="{26A81BB7-6293-4833-B41D-1B6CC50AA360}">
      <dgm:prSet/>
      <dgm:spPr/>
      <dgm:t>
        <a:bodyPr/>
        <a:lstStyle/>
        <a:p>
          <a:endParaRPr lang="en-US"/>
        </a:p>
      </dgm:t>
    </dgm:pt>
    <dgm:pt modelId="{571F5601-F2F4-44EC-B6AC-9F314DE6098C}">
      <dgm:prSet custT="1"/>
      <dgm:spPr/>
      <dgm:t>
        <a:bodyPr/>
        <a:lstStyle/>
        <a:p>
          <a:r>
            <a:rPr lang="en-GB" sz="1600" dirty="0"/>
            <a:t>Not covered by safety case regulations, but broad adherence is being undertaken as representative of good practice.</a:t>
          </a:r>
          <a:endParaRPr lang="en-US" sz="1600" dirty="0"/>
        </a:p>
      </dgm:t>
    </dgm:pt>
    <dgm:pt modelId="{DA781335-0BC4-41C0-A18B-53E9F4223510}" type="parTrans" cxnId="{2F99F76F-7A65-4EAE-9893-D658626E7AC8}">
      <dgm:prSet/>
      <dgm:spPr/>
      <dgm:t>
        <a:bodyPr/>
        <a:lstStyle/>
        <a:p>
          <a:endParaRPr lang="en-US"/>
        </a:p>
      </dgm:t>
    </dgm:pt>
    <dgm:pt modelId="{5BBBD63B-89DA-417B-A743-243871BE0381}" type="sibTrans" cxnId="{2F99F76F-7A65-4EAE-9893-D658626E7AC8}">
      <dgm:prSet/>
      <dgm:spPr/>
      <dgm:t>
        <a:bodyPr/>
        <a:lstStyle/>
        <a:p>
          <a:endParaRPr lang="en-US"/>
        </a:p>
      </dgm:t>
    </dgm:pt>
    <dgm:pt modelId="{9F286927-35E1-4846-AF6F-B69D37C8AEC3}">
      <dgm:prSet custT="1"/>
      <dgm:spPr/>
      <dgm:t>
        <a:bodyPr/>
        <a:lstStyle/>
        <a:p>
          <a:r>
            <a:rPr lang="en-GB" sz="1600" dirty="0"/>
            <a:t>Design notification / safety case</a:t>
          </a:r>
          <a:endParaRPr lang="en-US" sz="1600" dirty="0"/>
        </a:p>
      </dgm:t>
    </dgm:pt>
    <dgm:pt modelId="{C67ADC8A-19DE-4293-9413-D04C104E5686}" type="parTrans" cxnId="{5758B820-919C-4090-BB59-87BC8CF1544B}">
      <dgm:prSet/>
      <dgm:spPr/>
      <dgm:t>
        <a:bodyPr/>
        <a:lstStyle/>
        <a:p>
          <a:endParaRPr lang="en-US"/>
        </a:p>
      </dgm:t>
    </dgm:pt>
    <dgm:pt modelId="{0C5D8D8C-062D-4C72-ADE8-F5909F8CCBE4}" type="sibTrans" cxnId="{5758B820-919C-4090-BB59-87BC8CF1544B}">
      <dgm:prSet/>
      <dgm:spPr/>
      <dgm:t>
        <a:bodyPr/>
        <a:lstStyle/>
        <a:p>
          <a:endParaRPr lang="en-US"/>
        </a:p>
      </dgm:t>
    </dgm:pt>
    <dgm:pt modelId="{AFB73A3A-15D7-47F1-8B38-52FFB140C919}">
      <dgm:prSet custT="1"/>
      <dgm:spPr/>
      <dgm:t>
        <a:bodyPr/>
        <a:lstStyle/>
        <a:p>
          <a:r>
            <a:rPr lang="en-GB" sz="1600" dirty="0"/>
            <a:t>Requirements to ensure identification and assessment of all potential hazards, consequences and adequacy of controls (ALARP)</a:t>
          </a:r>
          <a:endParaRPr lang="en-US" sz="1600" dirty="0"/>
        </a:p>
      </dgm:t>
    </dgm:pt>
    <dgm:pt modelId="{561179BC-D228-460A-BF5A-D18BF3EFE534}" type="parTrans" cxnId="{C6C9AC61-51BD-4E7D-B85A-EC7880B22B02}">
      <dgm:prSet/>
      <dgm:spPr/>
      <dgm:t>
        <a:bodyPr/>
        <a:lstStyle/>
        <a:p>
          <a:endParaRPr lang="en-US"/>
        </a:p>
      </dgm:t>
    </dgm:pt>
    <dgm:pt modelId="{4BF68734-6D3A-4BE3-8C67-ED1A920F38FA}" type="sibTrans" cxnId="{C6C9AC61-51BD-4E7D-B85A-EC7880B22B02}">
      <dgm:prSet/>
      <dgm:spPr/>
      <dgm:t>
        <a:bodyPr/>
        <a:lstStyle/>
        <a:p>
          <a:endParaRPr lang="en-US"/>
        </a:p>
      </dgm:t>
    </dgm:pt>
    <dgm:pt modelId="{7918614E-E7B9-42FA-A4F7-E0AFC7DA9240}" type="pres">
      <dgm:prSet presAssocID="{BF9BD17C-AE66-4701-AECA-106BC77BB6A6}" presName="Name0" presStyleCnt="0">
        <dgm:presLayoutVars>
          <dgm:dir/>
          <dgm:animLvl val="lvl"/>
          <dgm:resizeHandles val="exact"/>
        </dgm:presLayoutVars>
      </dgm:prSet>
      <dgm:spPr/>
    </dgm:pt>
    <dgm:pt modelId="{F3ACF967-C33C-47A9-B0E4-CB4D511DC34F}" type="pres">
      <dgm:prSet presAssocID="{FE5A6652-DBB2-4792-900B-52ED35F05DD4}" presName="linNode" presStyleCnt="0"/>
      <dgm:spPr/>
    </dgm:pt>
    <dgm:pt modelId="{926F13A4-FD60-4C45-A24F-FC7113033C8F}" type="pres">
      <dgm:prSet presAssocID="{FE5A6652-DBB2-4792-900B-52ED35F05DD4}" presName="parentText" presStyleLbl="node1" presStyleIdx="0" presStyleCnt="2">
        <dgm:presLayoutVars>
          <dgm:chMax val="1"/>
          <dgm:bulletEnabled val="1"/>
        </dgm:presLayoutVars>
      </dgm:prSet>
      <dgm:spPr/>
    </dgm:pt>
    <dgm:pt modelId="{C151CAB3-E96F-4EA8-91D0-E59E40F9AC02}" type="pres">
      <dgm:prSet presAssocID="{FE5A6652-DBB2-4792-900B-52ED35F05DD4}" presName="descendantText" presStyleLbl="alignAccFollowNode1" presStyleIdx="0" presStyleCnt="2">
        <dgm:presLayoutVars>
          <dgm:bulletEnabled val="1"/>
        </dgm:presLayoutVars>
      </dgm:prSet>
      <dgm:spPr/>
    </dgm:pt>
    <dgm:pt modelId="{C02A4D4E-63BF-4FD4-9D99-E47E8C70B74E}" type="pres">
      <dgm:prSet presAssocID="{43E2ED19-E734-4CFD-B06B-B7666B6B4C6E}" presName="sp" presStyleCnt="0"/>
      <dgm:spPr/>
    </dgm:pt>
    <dgm:pt modelId="{172BC72D-8508-4334-AEEC-2B4C2D607765}" type="pres">
      <dgm:prSet presAssocID="{D6E8651C-51D3-41F1-8707-883D432E5BB9}" presName="linNode" presStyleCnt="0"/>
      <dgm:spPr/>
    </dgm:pt>
    <dgm:pt modelId="{C387901E-94B2-4B02-9A70-D7C649300265}" type="pres">
      <dgm:prSet presAssocID="{D6E8651C-51D3-41F1-8707-883D432E5BB9}" presName="parentText" presStyleLbl="node1" presStyleIdx="1" presStyleCnt="2">
        <dgm:presLayoutVars>
          <dgm:chMax val="1"/>
          <dgm:bulletEnabled val="1"/>
        </dgm:presLayoutVars>
      </dgm:prSet>
      <dgm:spPr/>
    </dgm:pt>
    <dgm:pt modelId="{FA0CB2DF-12E5-4842-B3CD-7E5B0F547346}" type="pres">
      <dgm:prSet presAssocID="{D6E8651C-51D3-41F1-8707-883D432E5BB9}" presName="descendantText" presStyleLbl="alignAccFollowNode1" presStyleIdx="1" presStyleCnt="2">
        <dgm:presLayoutVars>
          <dgm:bulletEnabled val="1"/>
        </dgm:presLayoutVars>
      </dgm:prSet>
      <dgm:spPr/>
    </dgm:pt>
  </dgm:ptLst>
  <dgm:cxnLst>
    <dgm:cxn modelId="{2D31121D-8A05-4FC1-9305-BDF2BB85EFDD}" type="presOf" srcId="{9F286927-35E1-4846-AF6F-B69D37C8AEC3}" destId="{FA0CB2DF-12E5-4842-B3CD-7E5B0F547346}" srcOrd="0" destOrd="1" presId="urn:microsoft.com/office/officeart/2005/8/layout/vList5"/>
    <dgm:cxn modelId="{5758B820-919C-4090-BB59-87BC8CF1544B}" srcId="{D6E8651C-51D3-41F1-8707-883D432E5BB9}" destId="{9F286927-35E1-4846-AF6F-B69D37C8AEC3}" srcOrd="1" destOrd="0" parTransId="{C67ADC8A-19DE-4293-9413-D04C104E5686}" sibTransId="{0C5D8D8C-062D-4C72-ADE8-F5909F8CCBE4}"/>
    <dgm:cxn modelId="{69C9D324-8F26-4E10-A819-2A9888642C09}" type="presOf" srcId="{571F5601-F2F4-44EC-B6AC-9F314DE6098C}" destId="{FA0CB2DF-12E5-4842-B3CD-7E5B0F547346}" srcOrd="0" destOrd="0" presId="urn:microsoft.com/office/officeart/2005/8/layout/vList5"/>
    <dgm:cxn modelId="{C6C9AC61-51BD-4E7D-B85A-EC7880B22B02}" srcId="{D6E8651C-51D3-41F1-8707-883D432E5BB9}" destId="{AFB73A3A-15D7-47F1-8B38-52FFB140C919}" srcOrd="2" destOrd="0" parTransId="{561179BC-D228-460A-BF5A-D18BF3EFE534}" sibTransId="{4BF68734-6D3A-4BE3-8C67-ED1A920F38FA}"/>
    <dgm:cxn modelId="{B389BA6E-5918-46D1-AEAC-B183DDC7DB6A}" type="presOf" srcId="{3ECD2667-41CF-4EF5-B518-527CBFAFF38F}" destId="{C151CAB3-E96F-4EA8-91D0-E59E40F9AC02}" srcOrd="0" destOrd="1" presId="urn:microsoft.com/office/officeart/2005/8/layout/vList5"/>
    <dgm:cxn modelId="{2F99F76F-7A65-4EAE-9893-D658626E7AC8}" srcId="{D6E8651C-51D3-41F1-8707-883D432E5BB9}" destId="{571F5601-F2F4-44EC-B6AC-9F314DE6098C}" srcOrd="0" destOrd="0" parTransId="{DA781335-0BC4-41C0-A18B-53E9F4223510}" sibTransId="{5BBBD63B-89DA-417B-A743-243871BE0381}"/>
    <dgm:cxn modelId="{566E1D87-A9DB-4267-81D5-0AD4F874E2D4}" srcId="{FE5A6652-DBB2-4792-900B-52ED35F05DD4}" destId="{162D9511-5CAE-4360-96ED-3C8E6DB8B959}" srcOrd="0" destOrd="0" parTransId="{EB8F2654-EEC1-4564-BB0D-3507EE5DCA4B}" sibTransId="{5BE1040D-FA34-4503-B460-7FF36A7D12AF}"/>
    <dgm:cxn modelId="{4B969B88-1E72-4D8F-AD5E-E80C097FA6DD}" srcId="{FE5A6652-DBB2-4792-900B-52ED35F05DD4}" destId="{577E87CC-5138-4FC3-919D-4680EAF82EEC}" srcOrd="2" destOrd="0" parTransId="{F96D4952-FDD3-4F8F-8389-DBAD095E3604}" sibTransId="{A1E85998-EFCE-4F66-A9CC-6FC050AC0E13}"/>
    <dgm:cxn modelId="{A204BD9D-F0C7-4055-AD6C-8F61D754FAF1}" srcId="{BF9BD17C-AE66-4701-AECA-106BC77BB6A6}" destId="{FE5A6652-DBB2-4792-900B-52ED35F05DD4}" srcOrd="0" destOrd="0" parTransId="{AD2EE361-B16D-4348-94FC-60CC3A8BE065}" sibTransId="{43E2ED19-E734-4CFD-B06B-B7666B6B4C6E}"/>
    <dgm:cxn modelId="{2AA554A5-DB65-4B89-9961-849ACED965A8}" type="presOf" srcId="{FE5A6652-DBB2-4792-900B-52ED35F05DD4}" destId="{926F13A4-FD60-4C45-A24F-FC7113033C8F}" srcOrd="0" destOrd="0" presId="urn:microsoft.com/office/officeart/2005/8/layout/vList5"/>
    <dgm:cxn modelId="{3828A3A7-F66D-4023-A319-1934A3CEB978}" type="presOf" srcId="{AFB73A3A-15D7-47F1-8B38-52FFB140C919}" destId="{FA0CB2DF-12E5-4842-B3CD-7E5B0F547346}" srcOrd="0" destOrd="2" presId="urn:microsoft.com/office/officeart/2005/8/layout/vList5"/>
    <dgm:cxn modelId="{7B5790AC-401B-4030-A9EE-182634022175}" type="presOf" srcId="{577E87CC-5138-4FC3-919D-4680EAF82EEC}" destId="{C151CAB3-E96F-4EA8-91D0-E59E40F9AC02}" srcOrd="0" destOrd="2" presId="urn:microsoft.com/office/officeart/2005/8/layout/vList5"/>
    <dgm:cxn modelId="{6FE441B5-1A3E-4798-B6C0-B83C55BA5702}" type="presOf" srcId="{BF9BD17C-AE66-4701-AECA-106BC77BB6A6}" destId="{7918614E-E7B9-42FA-A4F7-E0AFC7DA9240}" srcOrd="0" destOrd="0" presId="urn:microsoft.com/office/officeart/2005/8/layout/vList5"/>
    <dgm:cxn modelId="{26A81BB7-6293-4833-B41D-1B6CC50AA360}" srcId="{BF9BD17C-AE66-4701-AECA-106BC77BB6A6}" destId="{D6E8651C-51D3-41F1-8707-883D432E5BB9}" srcOrd="1" destOrd="0" parTransId="{F76C85AC-64D5-4824-9FB1-A067DF24B6C6}" sibTransId="{CB40D66C-A89B-49B4-835D-3BEE4BE18490}"/>
    <dgm:cxn modelId="{8E67B6C0-384C-4373-853F-F87CC7B56E4D}" type="presOf" srcId="{162D9511-5CAE-4360-96ED-3C8E6DB8B959}" destId="{C151CAB3-E96F-4EA8-91D0-E59E40F9AC02}" srcOrd="0" destOrd="0" presId="urn:microsoft.com/office/officeart/2005/8/layout/vList5"/>
    <dgm:cxn modelId="{DD4F72DB-87A9-4F56-8B89-2D77B3D6386D}" type="presOf" srcId="{D6E8651C-51D3-41F1-8707-883D432E5BB9}" destId="{C387901E-94B2-4B02-9A70-D7C649300265}" srcOrd="0" destOrd="0" presId="urn:microsoft.com/office/officeart/2005/8/layout/vList5"/>
    <dgm:cxn modelId="{255F5DFF-F5C2-424F-A800-A87FB97F1780}" srcId="{FE5A6652-DBB2-4792-900B-52ED35F05DD4}" destId="{3ECD2667-41CF-4EF5-B518-527CBFAFF38F}" srcOrd="1" destOrd="0" parTransId="{DC5B9416-7D67-45C8-A858-53DD6E8E3133}" sibTransId="{A5DF3777-7BA2-4713-8CC9-226AC1A85229}"/>
    <dgm:cxn modelId="{F9C18ED7-0686-452A-AAA5-4F42E777F9CD}" type="presParOf" srcId="{7918614E-E7B9-42FA-A4F7-E0AFC7DA9240}" destId="{F3ACF967-C33C-47A9-B0E4-CB4D511DC34F}" srcOrd="0" destOrd="0" presId="urn:microsoft.com/office/officeart/2005/8/layout/vList5"/>
    <dgm:cxn modelId="{C5BA23AC-A16B-41F5-A311-FC0201976152}" type="presParOf" srcId="{F3ACF967-C33C-47A9-B0E4-CB4D511DC34F}" destId="{926F13A4-FD60-4C45-A24F-FC7113033C8F}" srcOrd="0" destOrd="0" presId="urn:microsoft.com/office/officeart/2005/8/layout/vList5"/>
    <dgm:cxn modelId="{ACC8F524-4591-43CC-B59E-5266BADA1F43}" type="presParOf" srcId="{F3ACF967-C33C-47A9-B0E4-CB4D511DC34F}" destId="{C151CAB3-E96F-4EA8-91D0-E59E40F9AC02}" srcOrd="1" destOrd="0" presId="urn:microsoft.com/office/officeart/2005/8/layout/vList5"/>
    <dgm:cxn modelId="{C4296CEE-F600-4316-A20E-B4431E3B4DD8}" type="presParOf" srcId="{7918614E-E7B9-42FA-A4F7-E0AFC7DA9240}" destId="{C02A4D4E-63BF-4FD4-9D99-E47E8C70B74E}" srcOrd="1" destOrd="0" presId="urn:microsoft.com/office/officeart/2005/8/layout/vList5"/>
    <dgm:cxn modelId="{33AC95BC-686D-4495-8E0C-E52A4EF9E966}" type="presParOf" srcId="{7918614E-E7B9-42FA-A4F7-E0AFC7DA9240}" destId="{172BC72D-8508-4334-AEEC-2B4C2D607765}" srcOrd="2" destOrd="0" presId="urn:microsoft.com/office/officeart/2005/8/layout/vList5"/>
    <dgm:cxn modelId="{A30E4555-DECA-462A-8D4C-D83F1AA7D4FE}" type="presParOf" srcId="{172BC72D-8508-4334-AEEC-2B4C2D607765}" destId="{C387901E-94B2-4B02-9A70-D7C649300265}" srcOrd="0" destOrd="0" presId="urn:microsoft.com/office/officeart/2005/8/layout/vList5"/>
    <dgm:cxn modelId="{DF26F8C8-C241-432E-9B2B-A206FE49272A}" type="presParOf" srcId="{172BC72D-8508-4334-AEEC-2B4C2D607765}" destId="{FA0CB2DF-12E5-4842-B3CD-7E5B0F547346}" srcOrd="1" destOrd="0" presId="urn:microsoft.com/office/officeart/2005/8/layout/vList5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12.xml><?xml version="1.0" encoding="utf-8"?>
<dgm:dataModel xmlns:dgm="http://schemas.openxmlformats.org/drawingml/2006/diagram" xmlns:a="http://schemas.openxmlformats.org/drawingml/2006/main">
  <dgm:ptLst>
    <dgm:pt modelId="{3CC6E264-02F9-4BD0-AA0C-EDD0643F2745}" type="doc">
      <dgm:prSet loTypeId="urn:microsoft.com/office/officeart/2005/8/layout/orgChart1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7B938F91-C3CC-4940-A7B9-3EB6932B61AC}">
      <dgm:prSet phldrT="[Text]" custT="1"/>
      <dgm:spPr/>
      <dgm:t>
        <a:bodyPr/>
        <a:lstStyle/>
        <a:p>
          <a:r>
            <a:rPr lang="en-GB" sz="1400" dirty="0"/>
            <a:t>Hydrogen Production Facility</a:t>
          </a:r>
        </a:p>
      </dgm:t>
    </dgm:pt>
    <dgm:pt modelId="{F6C0CBA6-09C5-4D3F-815A-25AFF466B57A}" type="parTrans" cxnId="{70543C8A-16A4-4A0E-83E4-F33FF12AB345}">
      <dgm:prSet/>
      <dgm:spPr/>
      <dgm:t>
        <a:bodyPr/>
        <a:lstStyle/>
        <a:p>
          <a:endParaRPr lang="en-GB" sz="1600"/>
        </a:p>
      </dgm:t>
    </dgm:pt>
    <dgm:pt modelId="{5FDDFEC0-0566-469F-9C86-B46D521FE133}" type="sibTrans" cxnId="{70543C8A-16A4-4A0E-83E4-F33FF12AB345}">
      <dgm:prSet/>
      <dgm:spPr/>
      <dgm:t>
        <a:bodyPr/>
        <a:lstStyle/>
        <a:p>
          <a:endParaRPr lang="en-GB" sz="1600"/>
        </a:p>
      </dgm:t>
    </dgm:pt>
    <dgm:pt modelId="{CA3BBF65-A3A6-4422-9CB5-C7941C529FB3}">
      <dgm:prSet custT="1"/>
      <dgm:spPr/>
      <dgm:t>
        <a:bodyPr/>
        <a:lstStyle/>
        <a:p>
          <a:r>
            <a:rPr lang="en-GB" sz="1400" dirty="0"/>
            <a:t>HP Transmission Pipeline</a:t>
          </a:r>
        </a:p>
      </dgm:t>
    </dgm:pt>
    <dgm:pt modelId="{3E836FB1-181F-48E4-9B1F-5074A7DF9592}" type="parTrans" cxnId="{1EC1B357-74CC-4A6F-A2C7-793FBBD218E4}">
      <dgm:prSet/>
      <dgm:spPr/>
      <dgm:t>
        <a:bodyPr/>
        <a:lstStyle/>
        <a:p>
          <a:endParaRPr lang="en-GB" sz="1600"/>
        </a:p>
      </dgm:t>
    </dgm:pt>
    <dgm:pt modelId="{8F1A7CB7-02CA-48B0-AE2A-328047BCA765}" type="sibTrans" cxnId="{1EC1B357-74CC-4A6F-A2C7-793FBBD218E4}">
      <dgm:prSet/>
      <dgm:spPr/>
      <dgm:t>
        <a:bodyPr/>
        <a:lstStyle/>
        <a:p>
          <a:endParaRPr lang="en-GB" sz="1600"/>
        </a:p>
      </dgm:t>
    </dgm:pt>
    <dgm:pt modelId="{0F3A8F32-665B-4658-938A-44C62060D7ED}">
      <dgm:prSet custT="1"/>
      <dgm:spPr/>
      <dgm:t>
        <a:bodyPr/>
        <a:lstStyle/>
        <a:p>
          <a:r>
            <a:rPr lang="en-GB" sz="1400" dirty="0"/>
            <a:t>Offtake to Storage Site</a:t>
          </a:r>
        </a:p>
      </dgm:t>
    </dgm:pt>
    <dgm:pt modelId="{92AA56F1-F15B-4F3E-84CF-C33617ED4705}" type="parTrans" cxnId="{647942DA-BE36-4C6D-922B-0AE66F0A9426}">
      <dgm:prSet/>
      <dgm:spPr/>
      <dgm:t>
        <a:bodyPr/>
        <a:lstStyle/>
        <a:p>
          <a:endParaRPr lang="en-GB" sz="1600"/>
        </a:p>
      </dgm:t>
    </dgm:pt>
    <dgm:pt modelId="{AC1898AA-8454-459E-B9A8-C4F9A6653D4E}" type="sibTrans" cxnId="{647942DA-BE36-4C6D-922B-0AE66F0A9426}">
      <dgm:prSet/>
      <dgm:spPr/>
      <dgm:t>
        <a:bodyPr/>
        <a:lstStyle/>
        <a:p>
          <a:endParaRPr lang="en-GB" sz="1600"/>
        </a:p>
      </dgm:t>
    </dgm:pt>
    <dgm:pt modelId="{C310734A-EA2C-4600-8AC9-EF30BBB4E4FD}">
      <dgm:prSet custT="1"/>
      <dgm:spPr/>
      <dgm:t>
        <a:bodyPr/>
        <a:lstStyle/>
        <a:p>
          <a:r>
            <a:rPr lang="en-GB" sz="1400" dirty="0"/>
            <a:t>Offtake to LP Distribution Network</a:t>
          </a:r>
        </a:p>
      </dgm:t>
    </dgm:pt>
    <dgm:pt modelId="{6E28D31B-A2F6-4256-B3A0-D1B8A59393FD}" type="sibTrans" cxnId="{52299998-A0B2-457B-A06A-C2C7732412CB}">
      <dgm:prSet/>
      <dgm:spPr/>
      <dgm:t>
        <a:bodyPr/>
        <a:lstStyle/>
        <a:p>
          <a:endParaRPr lang="en-GB" sz="1600"/>
        </a:p>
      </dgm:t>
    </dgm:pt>
    <dgm:pt modelId="{909C4B53-1B1C-4C4F-AC44-BC0463F0EB1A}" type="parTrans" cxnId="{52299998-A0B2-457B-A06A-C2C7732412CB}">
      <dgm:prSet/>
      <dgm:spPr/>
      <dgm:t>
        <a:bodyPr/>
        <a:lstStyle/>
        <a:p>
          <a:endParaRPr lang="en-GB" sz="1600"/>
        </a:p>
      </dgm:t>
    </dgm:pt>
    <dgm:pt modelId="{7545F5B9-8D66-4CD6-B645-3948F25D4F23}">
      <dgm:prSet custT="1"/>
      <dgm:spPr/>
      <dgm:t>
        <a:bodyPr/>
        <a:lstStyle/>
        <a:p>
          <a:r>
            <a:rPr lang="en-GB" sz="1400" dirty="0"/>
            <a:t>Offtake to Industrial Users</a:t>
          </a:r>
        </a:p>
      </dgm:t>
    </dgm:pt>
    <dgm:pt modelId="{8176B4FB-C3F8-4086-85B4-F2B5543EDE2A}" type="sibTrans" cxnId="{81FFBD10-BC5B-4692-A5C3-2C32C7CFA0F0}">
      <dgm:prSet/>
      <dgm:spPr/>
      <dgm:t>
        <a:bodyPr/>
        <a:lstStyle/>
        <a:p>
          <a:endParaRPr lang="en-GB" sz="1600"/>
        </a:p>
      </dgm:t>
    </dgm:pt>
    <dgm:pt modelId="{4B5A60BA-8362-4304-A3D2-72173A4F18A6}" type="parTrans" cxnId="{81FFBD10-BC5B-4692-A5C3-2C32C7CFA0F0}">
      <dgm:prSet/>
      <dgm:spPr/>
      <dgm:t>
        <a:bodyPr/>
        <a:lstStyle/>
        <a:p>
          <a:endParaRPr lang="en-GB" sz="1600"/>
        </a:p>
      </dgm:t>
    </dgm:pt>
    <dgm:pt modelId="{EBE6D709-9206-4398-ACF6-0B628C788B82}" type="pres">
      <dgm:prSet presAssocID="{3CC6E264-02F9-4BD0-AA0C-EDD0643F2745}" presName="hierChild1" presStyleCnt="0">
        <dgm:presLayoutVars>
          <dgm:orgChart val="1"/>
          <dgm:chPref val="1"/>
          <dgm:dir/>
          <dgm:animOne val="branch"/>
          <dgm:animLvl val="lvl"/>
          <dgm:resizeHandles/>
        </dgm:presLayoutVars>
      </dgm:prSet>
      <dgm:spPr/>
    </dgm:pt>
    <dgm:pt modelId="{04EFE1E3-7D83-43AA-B8D8-6AA0F20FB230}" type="pres">
      <dgm:prSet presAssocID="{7B938F91-C3CC-4940-A7B9-3EB6932B61AC}" presName="hierRoot1" presStyleCnt="0">
        <dgm:presLayoutVars>
          <dgm:hierBranch/>
        </dgm:presLayoutVars>
      </dgm:prSet>
      <dgm:spPr/>
    </dgm:pt>
    <dgm:pt modelId="{F68FA063-1EE8-43A6-8A3B-B8E8D2C054EE}" type="pres">
      <dgm:prSet presAssocID="{7B938F91-C3CC-4940-A7B9-3EB6932B61AC}" presName="rootComposite1" presStyleCnt="0"/>
      <dgm:spPr/>
    </dgm:pt>
    <dgm:pt modelId="{61D13DF4-B280-4AC3-BBC1-DE50D47E4387}" type="pres">
      <dgm:prSet presAssocID="{7B938F91-C3CC-4940-A7B9-3EB6932B61AC}" presName="rootText1" presStyleLbl="node0" presStyleIdx="0" presStyleCnt="1">
        <dgm:presLayoutVars>
          <dgm:chPref val="3"/>
        </dgm:presLayoutVars>
      </dgm:prSet>
      <dgm:spPr/>
    </dgm:pt>
    <dgm:pt modelId="{47CDDBF4-89D2-468C-9A14-AF702BE3AC00}" type="pres">
      <dgm:prSet presAssocID="{7B938F91-C3CC-4940-A7B9-3EB6932B61AC}" presName="rootConnector1" presStyleLbl="node1" presStyleIdx="0" presStyleCnt="0"/>
      <dgm:spPr/>
    </dgm:pt>
    <dgm:pt modelId="{12DC8B3D-2D30-48CB-A09C-20D9E2709249}" type="pres">
      <dgm:prSet presAssocID="{7B938F91-C3CC-4940-A7B9-3EB6932B61AC}" presName="hierChild2" presStyleCnt="0"/>
      <dgm:spPr/>
    </dgm:pt>
    <dgm:pt modelId="{4A82C6B8-3B03-4AD0-B1C6-DF494A3F83E7}" type="pres">
      <dgm:prSet presAssocID="{3E836FB1-181F-48E4-9B1F-5074A7DF9592}" presName="Name35" presStyleLbl="parChTrans1D2" presStyleIdx="0" presStyleCnt="1"/>
      <dgm:spPr/>
    </dgm:pt>
    <dgm:pt modelId="{BD62EDD4-AFF3-4393-894B-81BF332C6FAD}" type="pres">
      <dgm:prSet presAssocID="{CA3BBF65-A3A6-4422-9CB5-C7941C529FB3}" presName="hierRoot2" presStyleCnt="0">
        <dgm:presLayoutVars>
          <dgm:hierBranch/>
        </dgm:presLayoutVars>
      </dgm:prSet>
      <dgm:spPr/>
    </dgm:pt>
    <dgm:pt modelId="{CD7E736E-20D7-4D5F-A4C5-CE5573FC0FEC}" type="pres">
      <dgm:prSet presAssocID="{CA3BBF65-A3A6-4422-9CB5-C7941C529FB3}" presName="rootComposite" presStyleCnt="0"/>
      <dgm:spPr/>
    </dgm:pt>
    <dgm:pt modelId="{94F53398-C525-4D3B-BE15-3035109B7DBD}" type="pres">
      <dgm:prSet presAssocID="{CA3BBF65-A3A6-4422-9CB5-C7941C529FB3}" presName="rootText" presStyleLbl="node2" presStyleIdx="0" presStyleCnt="1">
        <dgm:presLayoutVars>
          <dgm:chPref val="3"/>
        </dgm:presLayoutVars>
      </dgm:prSet>
      <dgm:spPr/>
    </dgm:pt>
    <dgm:pt modelId="{03070143-BE95-427B-99DE-13843709955C}" type="pres">
      <dgm:prSet presAssocID="{CA3BBF65-A3A6-4422-9CB5-C7941C529FB3}" presName="rootConnector" presStyleLbl="node2" presStyleIdx="0" presStyleCnt="1"/>
      <dgm:spPr/>
    </dgm:pt>
    <dgm:pt modelId="{393F0768-E3EE-48C7-B5EF-9969487D32C1}" type="pres">
      <dgm:prSet presAssocID="{CA3BBF65-A3A6-4422-9CB5-C7941C529FB3}" presName="hierChild4" presStyleCnt="0"/>
      <dgm:spPr/>
    </dgm:pt>
    <dgm:pt modelId="{4ACFA34D-D4BB-4C27-AD1A-437DF4CCEAF0}" type="pres">
      <dgm:prSet presAssocID="{92AA56F1-F15B-4F3E-84CF-C33617ED4705}" presName="Name35" presStyleLbl="parChTrans1D3" presStyleIdx="0" presStyleCnt="3"/>
      <dgm:spPr/>
    </dgm:pt>
    <dgm:pt modelId="{09F154B9-C75A-4EEA-807B-7DE2EA4DBE67}" type="pres">
      <dgm:prSet presAssocID="{0F3A8F32-665B-4658-938A-44C62060D7ED}" presName="hierRoot2" presStyleCnt="0">
        <dgm:presLayoutVars>
          <dgm:hierBranch/>
        </dgm:presLayoutVars>
      </dgm:prSet>
      <dgm:spPr/>
    </dgm:pt>
    <dgm:pt modelId="{F2F51856-6BBF-43FB-9E1C-19D4B69E633D}" type="pres">
      <dgm:prSet presAssocID="{0F3A8F32-665B-4658-938A-44C62060D7ED}" presName="rootComposite" presStyleCnt="0"/>
      <dgm:spPr/>
    </dgm:pt>
    <dgm:pt modelId="{8A34AEF0-5BC3-42B2-A8B9-51860F43E336}" type="pres">
      <dgm:prSet presAssocID="{0F3A8F32-665B-4658-938A-44C62060D7ED}" presName="rootText" presStyleLbl="node3" presStyleIdx="0" presStyleCnt="3">
        <dgm:presLayoutVars>
          <dgm:chPref val="3"/>
        </dgm:presLayoutVars>
      </dgm:prSet>
      <dgm:spPr/>
    </dgm:pt>
    <dgm:pt modelId="{D43C2B0F-1BA8-4AE5-B794-10F4636CAA10}" type="pres">
      <dgm:prSet presAssocID="{0F3A8F32-665B-4658-938A-44C62060D7ED}" presName="rootConnector" presStyleLbl="node3" presStyleIdx="0" presStyleCnt="3"/>
      <dgm:spPr/>
    </dgm:pt>
    <dgm:pt modelId="{34F08D8D-4382-4907-9CF5-39CBEBD28223}" type="pres">
      <dgm:prSet presAssocID="{0F3A8F32-665B-4658-938A-44C62060D7ED}" presName="hierChild4" presStyleCnt="0"/>
      <dgm:spPr/>
    </dgm:pt>
    <dgm:pt modelId="{6D0EB1B0-9AEE-4E43-BEB8-13343EC71999}" type="pres">
      <dgm:prSet presAssocID="{0F3A8F32-665B-4658-938A-44C62060D7ED}" presName="hierChild5" presStyleCnt="0"/>
      <dgm:spPr/>
    </dgm:pt>
    <dgm:pt modelId="{3D138B29-B42D-432E-9D38-0A6EDE780219}" type="pres">
      <dgm:prSet presAssocID="{909C4B53-1B1C-4C4F-AC44-BC0463F0EB1A}" presName="Name35" presStyleLbl="parChTrans1D3" presStyleIdx="1" presStyleCnt="3"/>
      <dgm:spPr/>
    </dgm:pt>
    <dgm:pt modelId="{92782EBC-AFAD-4C84-99F6-762779AC86F3}" type="pres">
      <dgm:prSet presAssocID="{C310734A-EA2C-4600-8AC9-EF30BBB4E4FD}" presName="hierRoot2" presStyleCnt="0">
        <dgm:presLayoutVars>
          <dgm:hierBranch/>
        </dgm:presLayoutVars>
      </dgm:prSet>
      <dgm:spPr/>
    </dgm:pt>
    <dgm:pt modelId="{3BE81C76-1766-4111-AE04-1A3128D16F62}" type="pres">
      <dgm:prSet presAssocID="{C310734A-EA2C-4600-8AC9-EF30BBB4E4FD}" presName="rootComposite" presStyleCnt="0"/>
      <dgm:spPr/>
    </dgm:pt>
    <dgm:pt modelId="{F7D216CB-8EA0-4445-8B4C-7CE5BD7A18C2}" type="pres">
      <dgm:prSet presAssocID="{C310734A-EA2C-4600-8AC9-EF30BBB4E4FD}" presName="rootText" presStyleLbl="node3" presStyleIdx="1" presStyleCnt="3">
        <dgm:presLayoutVars>
          <dgm:chPref val="3"/>
        </dgm:presLayoutVars>
      </dgm:prSet>
      <dgm:spPr/>
    </dgm:pt>
    <dgm:pt modelId="{5B7C92C3-C7B6-4703-9D00-622997979D94}" type="pres">
      <dgm:prSet presAssocID="{C310734A-EA2C-4600-8AC9-EF30BBB4E4FD}" presName="rootConnector" presStyleLbl="node3" presStyleIdx="1" presStyleCnt="3"/>
      <dgm:spPr/>
    </dgm:pt>
    <dgm:pt modelId="{B865C3BA-BFF3-465D-A5E4-A77522D7AD0B}" type="pres">
      <dgm:prSet presAssocID="{C310734A-EA2C-4600-8AC9-EF30BBB4E4FD}" presName="hierChild4" presStyleCnt="0"/>
      <dgm:spPr/>
    </dgm:pt>
    <dgm:pt modelId="{B60ACF76-2D7F-4FEE-A702-FA1FE86B7496}" type="pres">
      <dgm:prSet presAssocID="{C310734A-EA2C-4600-8AC9-EF30BBB4E4FD}" presName="hierChild5" presStyleCnt="0"/>
      <dgm:spPr/>
    </dgm:pt>
    <dgm:pt modelId="{E3F4A26D-07C0-4D1A-A7FA-A003E9168350}" type="pres">
      <dgm:prSet presAssocID="{4B5A60BA-8362-4304-A3D2-72173A4F18A6}" presName="Name35" presStyleLbl="parChTrans1D3" presStyleIdx="2" presStyleCnt="3"/>
      <dgm:spPr/>
    </dgm:pt>
    <dgm:pt modelId="{08DD992E-DE39-4E71-90D2-084ABE36F4A2}" type="pres">
      <dgm:prSet presAssocID="{7545F5B9-8D66-4CD6-B645-3948F25D4F23}" presName="hierRoot2" presStyleCnt="0">
        <dgm:presLayoutVars>
          <dgm:hierBranch/>
        </dgm:presLayoutVars>
      </dgm:prSet>
      <dgm:spPr/>
    </dgm:pt>
    <dgm:pt modelId="{9A5998FC-65D8-4B13-AE53-7DB8177F649B}" type="pres">
      <dgm:prSet presAssocID="{7545F5B9-8D66-4CD6-B645-3948F25D4F23}" presName="rootComposite" presStyleCnt="0"/>
      <dgm:spPr/>
    </dgm:pt>
    <dgm:pt modelId="{D7762668-AC72-409F-9D38-7BA44BEE3DD3}" type="pres">
      <dgm:prSet presAssocID="{7545F5B9-8D66-4CD6-B645-3948F25D4F23}" presName="rootText" presStyleLbl="node3" presStyleIdx="2" presStyleCnt="3">
        <dgm:presLayoutVars>
          <dgm:chPref val="3"/>
        </dgm:presLayoutVars>
      </dgm:prSet>
      <dgm:spPr/>
    </dgm:pt>
    <dgm:pt modelId="{58242E4D-3563-4EF6-859E-93FFB194535D}" type="pres">
      <dgm:prSet presAssocID="{7545F5B9-8D66-4CD6-B645-3948F25D4F23}" presName="rootConnector" presStyleLbl="node3" presStyleIdx="2" presStyleCnt="3"/>
      <dgm:spPr/>
    </dgm:pt>
    <dgm:pt modelId="{63AF9046-F851-46BD-902D-0E229CD29B3C}" type="pres">
      <dgm:prSet presAssocID="{7545F5B9-8D66-4CD6-B645-3948F25D4F23}" presName="hierChild4" presStyleCnt="0"/>
      <dgm:spPr/>
    </dgm:pt>
    <dgm:pt modelId="{4F21E238-19AF-44A1-AD66-B70D2171F32E}" type="pres">
      <dgm:prSet presAssocID="{7545F5B9-8D66-4CD6-B645-3948F25D4F23}" presName="hierChild5" presStyleCnt="0"/>
      <dgm:spPr/>
    </dgm:pt>
    <dgm:pt modelId="{40449180-D904-438D-89A2-22EB818956BD}" type="pres">
      <dgm:prSet presAssocID="{CA3BBF65-A3A6-4422-9CB5-C7941C529FB3}" presName="hierChild5" presStyleCnt="0"/>
      <dgm:spPr/>
    </dgm:pt>
    <dgm:pt modelId="{255EC15A-F8A2-459E-8AF8-4CF72CB04DD0}" type="pres">
      <dgm:prSet presAssocID="{7B938F91-C3CC-4940-A7B9-3EB6932B61AC}" presName="hierChild3" presStyleCnt="0"/>
      <dgm:spPr/>
    </dgm:pt>
  </dgm:ptLst>
  <dgm:cxnLst>
    <dgm:cxn modelId="{B2BDAB05-4032-4718-AEE0-11D1A8ABAEE8}" type="presOf" srcId="{CA3BBF65-A3A6-4422-9CB5-C7941C529FB3}" destId="{94F53398-C525-4D3B-BE15-3035109B7DBD}" srcOrd="0" destOrd="0" presId="urn:microsoft.com/office/officeart/2005/8/layout/orgChart1"/>
    <dgm:cxn modelId="{269E6907-BAF8-44EA-AD74-43E1366AA063}" type="presOf" srcId="{7545F5B9-8D66-4CD6-B645-3948F25D4F23}" destId="{58242E4D-3563-4EF6-859E-93FFB194535D}" srcOrd="1" destOrd="0" presId="urn:microsoft.com/office/officeart/2005/8/layout/orgChart1"/>
    <dgm:cxn modelId="{81FFBD10-BC5B-4692-A5C3-2C32C7CFA0F0}" srcId="{CA3BBF65-A3A6-4422-9CB5-C7941C529FB3}" destId="{7545F5B9-8D66-4CD6-B645-3948F25D4F23}" srcOrd="2" destOrd="0" parTransId="{4B5A60BA-8362-4304-A3D2-72173A4F18A6}" sibTransId="{8176B4FB-C3F8-4086-85B4-F2B5543EDE2A}"/>
    <dgm:cxn modelId="{7D99EF17-403E-47E1-BB12-FF67CA974906}" type="presOf" srcId="{C310734A-EA2C-4600-8AC9-EF30BBB4E4FD}" destId="{F7D216CB-8EA0-4445-8B4C-7CE5BD7A18C2}" srcOrd="0" destOrd="0" presId="urn:microsoft.com/office/officeart/2005/8/layout/orgChart1"/>
    <dgm:cxn modelId="{F5805423-BCE6-4AFA-A9C6-995B3E318622}" type="presOf" srcId="{3E836FB1-181F-48E4-9B1F-5074A7DF9592}" destId="{4A82C6B8-3B03-4AD0-B1C6-DF494A3F83E7}" srcOrd="0" destOrd="0" presId="urn:microsoft.com/office/officeart/2005/8/layout/orgChart1"/>
    <dgm:cxn modelId="{F5747C2B-BFDC-4492-A11A-1228FDDC98C9}" type="presOf" srcId="{4B5A60BA-8362-4304-A3D2-72173A4F18A6}" destId="{E3F4A26D-07C0-4D1A-A7FA-A003E9168350}" srcOrd="0" destOrd="0" presId="urn:microsoft.com/office/officeart/2005/8/layout/orgChart1"/>
    <dgm:cxn modelId="{CF1B555C-E16A-4179-8B65-F07659710B44}" type="presOf" srcId="{909C4B53-1B1C-4C4F-AC44-BC0463F0EB1A}" destId="{3D138B29-B42D-432E-9D38-0A6EDE780219}" srcOrd="0" destOrd="0" presId="urn:microsoft.com/office/officeart/2005/8/layout/orgChart1"/>
    <dgm:cxn modelId="{1EC1B357-74CC-4A6F-A2C7-793FBBD218E4}" srcId="{7B938F91-C3CC-4940-A7B9-3EB6932B61AC}" destId="{CA3BBF65-A3A6-4422-9CB5-C7941C529FB3}" srcOrd="0" destOrd="0" parTransId="{3E836FB1-181F-48E4-9B1F-5074A7DF9592}" sibTransId="{8F1A7CB7-02CA-48B0-AE2A-328047BCA765}"/>
    <dgm:cxn modelId="{0414C17F-971F-4FAC-A696-BE85E7F3EADD}" type="presOf" srcId="{92AA56F1-F15B-4F3E-84CF-C33617ED4705}" destId="{4ACFA34D-D4BB-4C27-AD1A-437DF4CCEAF0}" srcOrd="0" destOrd="0" presId="urn:microsoft.com/office/officeart/2005/8/layout/orgChart1"/>
    <dgm:cxn modelId="{F6E9AA82-5B52-40F4-B190-F4BCDE0574FA}" type="presOf" srcId="{C310734A-EA2C-4600-8AC9-EF30BBB4E4FD}" destId="{5B7C92C3-C7B6-4703-9D00-622997979D94}" srcOrd="1" destOrd="0" presId="urn:microsoft.com/office/officeart/2005/8/layout/orgChart1"/>
    <dgm:cxn modelId="{70543C8A-16A4-4A0E-83E4-F33FF12AB345}" srcId="{3CC6E264-02F9-4BD0-AA0C-EDD0643F2745}" destId="{7B938F91-C3CC-4940-A7B9-3EB6932B61AC}" srcOrd="0" destOrd="0" parTransId="{F6C0CBA6-09C5-4D3F-815A-25AFF466B57A}" sibTransId="{5FDDFEC0-0566-469F-9C86-B46D521FE133}"/>
    <dgm:cxn modelId="{4275AF93-B95F-48BD-9E42-5BD02CEC7357}" type="presOf" srcId="{CA3BBF65-A3A6-4422-9CB5-C7941C529FB3}" destId="{03070143-BE95-427B-99DE-13843709955C}" srcOrd="1" destOrd="0" presId="urn:microsoft.com/office/officeart/2005/8/layout/orgChart1"/>
    <dgm:cxn modelId="{52299998-A0B2-457B-A06A-C2C7732412CB}" srcId="{CA3BBF65-A3A6-4422-9CB5-C7941C529FB3}" destId="{C310734A-EA2C-4600-8AC9-EF30BBB4E4FD}" srcOrd="1" destOrd="0" parTransId="{909C4B53-1B1C-4C4F-AC44-BC0463F0EB1A}" sibTransId="{6E28D31B-A2F6-4256-B3A0-D1B8A59393FD}"/>
    <dgm:cxn modelId="{094438A6-6554-47EF-9530-07CA14ED9884}" type="presOf" srcId="{7B938F91-C3CC-4940-A7B9-3EB6932B61AC}" destId="{61D13DF4-B280-4AC3-BBC1-DE50D47E4387}" srcOrd="0" destOrd="0" presId="urn:microsoft.com/office/officeart/2005/8/layout/orgChart1"/>
    <dgm:cxn modelId="{8C38E4D7-CBE9-4D96-9E84-0F7B85B10A82}" type="presOf" srcId="{0F3A8F32-665B-4658-938A-44C62060D7ED}" destId="{D43C2B0F-1BA8-4AE5-B794-10F4636CAA10}" srcOrd="1" destOrd="0" presId="urn:microsoft.com/office/officeart/2005/8/layout/orgChart1"/>
    <dgm:cxn modelId="{647942DA-BE36-4C6D-922B-0AE66F0A9426}" srcId="{CA3BBF65-A3A6-4422-9CB5-C7941C529FB3}" destId="{0F3A8F32-665B-4658-938A-44C62060D7ED}" srcOrd="0" destOrd="0" parTransId="{92AA56F1-F15B-4F3E-84CF-C33617ED4705}" sibTransId="{AC1898AA-8454-459E-B9A8-C4F9A6653D4E}"/>
    <dgm:cxn modelId="{CCE843E6-0E9C-4552-9E1C-E015C7627504}" type="presOf" srcId="{0F3A8F32-665B-4658-938A-44C62060D7ED}" destId="{8A34AEF0-5BC3-42B2-A8B9-51860F43E336}" srcOrd="0" destOrd="0" presId="urn:microsoft.com/office/officeart/2005/8/layout/orgChart1"/>
    <dgm:cxn modelId="{642559F0-65C2-440A-9025-51269E46113F}" type="presOf" srcId="{3CC6E264-02F9-4BD0-AA0C-EDD0643F2745}" destId="{EBE6D709-9206-4398-ACF6-0B628C788B82}" srcOrd="0" destOrd="0" presId="urn:microsoft.com/office/officeart/2005/8/layout/orgChart1"/>
    <dgm:cxn modelId="{2C6B98F1-805D-4AF3-87A2-5381F9552DC1}" type="presOf" srcId="{7B938F91-C3CC-4940-A7B9-3EB6932B61AC}" destId="{47CDDBF4-89D2-468C-9A14-AF702BE3AC00}" srcOrd="1" destOrd="0" presId="urn:microsoft.com/office/officeart/2005/8/layout/orgChart1"/>
    <dgm:cxn modelId="{CD328AF5-565A-4D4B-8890-D984391E3AB5}" type="presOf" srcId="{7545F5B9-8D66-4CD6-B645-3948F25D4F23}" destId="{D7762668-AC72-409F-9D38-7BA44BEE3DD3}" srcOrd="0" destOrd="0" presId="urn:microsoft.com/office/officeart/2005/8/layout/orgChart1"/>
    <dgm:cxn modelId="{76F04A6B-1BD3-4F31-865E-E5C605D945BD}" type="presParOf" srcId="{EBE6D709-9206-4398-ACF6-0B628C788B82}" destId="{04EFE1E3-7D83-43AA-B8D8-6AA0F20FB230}" srcOrd="0" destOrd="0" presId="urn:microsoft.com/office/officeart/2005/8/layout/orgChart1"/>
    <dgm:cxn modelId="{11368FF5-3A5B-4546-83C5-809C785F2EFA}" type="presParOf" srcId="{04EFE1E3-7D83-43AA-B8D8-6AA0F20FB230}" destId="{F68FA063-1EE8-43A6-8A3B-B8E8D2C054EE}" srcOrd="0" destOrd="0" presId="urn:microsoft.com/office/officeart/2005/8/layout/orgChart1"/>
    <dgm:cxn modelId="{96C619F6-A9EC-4488-993B-55EE88663BCB}" type="presParOf" srcId="{F68FA063-1EE8-43A6-8A3B-B8E8D2C054EE}" destId="{61D13DF4-B280-4AC3-BBC1-DE50D47E4387}" srcOrd="0" destOrd="0" presId="urn:microsoft.com/office/officeart/2005/8/layout/orgChart1"/>
    <dgm:cxn modelId="{7ECD398C-3899-4F76-9B46-BCCBAD4BF348}" type="presParOf" srcId="{F68FA063-1EE8-43A6-8A3B-B8E8D2C054EE}" destId="{47CDDBF4-89D2-468C-9A14-AF702BE3AC00}" srcOrd="1" destOrd="0" presId="urn:microsoft.com/office/officeart/2005/8/layout/orgChart1"/>
    <dgm:cxn modelId="{6C9737BE-50C3-4C08-B5FA-0CAC92996C14}" type="presParOf" srcId="{04EFE1E3-7D83-43AA-B8D8-6AA0F20FB230}" destId="{12DC8B3D-2D30-48CB-A09C-20D9E2709249}" srcOrd="1" destOrd="0" presId="urn:microsoft.com/office/officeart/2005/8/layout/orgChart1"/>
    <dgm:cxn modelId="{0768CCED-709A-435B-BCDD-015072C63CB9}" type="presParOf" srcId="{12DC8B3D-2D30-48CB-A09C-20D9E2709249}" destId="{4A82C6B8-3B03-4AD0-B1C6-DF494A3F83E7}" srcOrd="0" destOrd="0" presId="urn:microsoft.com/office/officeart/2005/8/layout/orgChart1"/>
    <dgm:cxn modelId="{8F91245D-279F-444B-84FA-28F518DAE6EE}" type="presParOf" srcId="{12DC8B3D-2D30-48CB-A09C-20D9E2709249}" destId="{BD62EDD4-AFF3-4393-894B-81BF332C6FAD}" srcOrd="1" destOrd="0" presId="urn:microsoft.com/office/officeart/2005/8/layout/orgChart1"/>
    <dgm:cxn modelId="{1B6013C5-E4AF-45B4-8F2D-2BEADA828CBE}" type="presParOf" srcId="{BD62EDD4-AFF3-4393-894B-81BF332C6FAD}" destId="{CD7E736E-20D7-4D5F-A4C5-CE5573FC0FEC}" srcOrd="0" destOrd="0" presId="urn:microsoft.com/office/officeart/2005/8/layout/orgChart1"/>
    <dgm:cxn modelId="{EA1403F6-37CA-4450-9694-4B61B70F8C3E}" type="presParOf" srcId="{CD7E736E-20D7-4D5F-A4C5-CE5573FC0FEC}" destId="{94F53398-C525-4D3B-BE15-3035109B7DBD}" srcOrd="0" destOrd="0" presId="urn:microsoft.com/office/officeart/2005/8/layout/orgChart1"/>
    <dgm:cxn modelId="{00943A24-5E0B-4A48-BA0E-E365CC553840}" type="presParOf" srcId="{CD7E736E-20D7-4D5F-A4C5-CE5573FC0FEC}" destId="{03070143-BE95-427B-99DE-13843709955C}" srcOrd="1" destOrd="0" presId="urn:microsoft.com/office/officeart/2005/8/layout/orgChart1"/>
    <dgm:cxn modelId="{1D79DA1C-D49B-4C25-B9A5-01CABB640A42}" type="presParOf" srcId="{BD62EDD4-AFF3-4393-894B-81BF332C6FAD}" destId="{393F0768-E3EE-48C7-B5EF-9969487D32C1}" srcOrd="1" destOrd="0" presId="urn:microsoft.com/office/officeart/2005/8/layout/orgChart1"/>
    <dgm:cxn modelId="{E3AE99CD-45CB-443F-87A4-0EDABC581AAF}" type="presParOf" srcId="{393F0768-E3EE-48C7-B5EF-9969487D32C1}" destId="{4ACFA34D-D4BB-4C27-AD1A-437DF4CCEAF0}" srcOrd="0" destOrd="0" presId="urn:microsoft.com/office/officeart/2005/8/layout/orgChart1"/>
    <dgm:cxn modelId="{D77D0D31-20EC-45A2-9BCA-8A03A1827657}" type="presParOf" srcId="{393F0768-E3EE-48C7-B5EF-9969487D32C1}" destId="{09F154B9-C75A-4EEA-807B-7DE2EA4DBE67}" srcOrd="1" destOrd="0" presId="urn:microsoft.com/office/officeart/2005/8/layout/orgChart1"/>
    <dgm:cxn modelId="{B4A9704C-D210-41E7-9071-6EA7C99CFC65}" type="presParOf" srcId="{09F154B9-C75A-4EEA-807B-7DE2EA4DBE67}" destId="{F2F51856-6BBF-43FB-9E1C-19D4B69E633D}" srcOrd="0" destOrd="0" presId="urn:microsoft.com/office/officeart/2005/8/layout/orgChart1"/>
    <dgm:cxn modelId="{E804EBDE-2DD7-4523-9E3E-83D1F21EE407}" type="presParOf" srcId="{F2F51856-6BBF-43FB-9E1C-19D4B69E633D}" destId="{8A34AEF0-5BC3-42B2-A8B9-51860F43E336}" srcOrd="0" destOrd="0" presId="urn:microsoft.com/office/officeart/2005/8/layout/orgChart1"/>
    <dgm:cxn modelId="{F0ADD081-CD0F-4461-A874-EF4A8CA9E020}" type="presParOf" srcId="{F2F51856-6BBF-43FB-9E1C-19D4B69E633D}" destId="{D43C2B0F-1BA8-4AE5-B794-10F4636CAA10}" srcOrd="1" destOrd="0" presId="urn:microsoft.com/office/officeart/2005/8/layout/orgChart1"/>
    <dgm:cxn modelId="{08642914-F3BE-4DF3-AB81-59F76C1A3571}" type="presParOf" srcId="{09F154B9-C75A-4EEA-807B-7DE2EA4DBE67}" destId="{34F08D8D-4382-4907-9CF5-39CBEBD28223}" srcOrd="1" destOrd="0" presId="urn:microsoft.com/office/officeart/2005/8/layout/orgChart1"/>
    <dgm:cxn modelId="{70106518-E59A-429C-AB70-493EAB13D3B1}" type="presParOf" srcId="{09F154B9-C75A-4EEA-807B-7DE2EA4DBE67}" destId="{6D0EB1B0-9AEE-4E43-BEB8-13343EC71999}" srcOrd="2" destOrd="0" presId="urn:microsoft.com/office/officeart/2005/8/layout/orgChart1"/>
    <dgm:cxn modelId="{9FAB40EA-FB5F-4ED2-87F9-7D81DF6AF399}" type="presParOf" srcId="{393F0768-E3EE-48C7-B5EF-9969487D32C1}" destId="{3D138B29-B42D-432E-9D38-0A6EDE780219}" srcOrd="2" destOrd="0" presId="urn:microsoft.com/office/officeart/2005/8/layout/orgChart1"/>
    <dgm:cxn modelId="{E937D8D9-6381-4EA6-8EA4-F8C58D392518}" type="presParOf" srcId="{393F0768-E3EE-48C7-B5EF-9969487D32C1}" destId="{92782EBC-AFAD-4C84-99F6-762779AC86F3}" srcOrd="3" destOrd="0" presId="urn:microsoft.com/office/officeart/2005/8/layout/orgChart1"/>
    <dgm:cxn modelId="{3D2D72F2-C5B6-42AE-A3EF-492A37CAE0A0}" type="presParOf" srcId="{92782EBC-AFAD-4C84-99F6-762779AC86F3}" destId="{3BE81C76-1766-4111-AE04-1A3128D16F62}" srcOrd="0" destOrd="0" presId="urn:microsoft.com/office/officeart/2005/8/layout/orgChart1"/>
    <dgm:cxn modelId="{B3C5347F-FFEF-4032-9ED3-C7CFBF8F3108}" type="presParOf" srcId="{3BE81C76-1766-4111-AE04-1A3128D16F62}" destId="{F7D216CB-8EA0-4445-8B4C-7CE5BD7A18C2}" srcOrd="0" destOrd="0" presId="urn:microsoft.com/office/officeart/2005/8/layout/orgChart1"/>
    <dgm:cxn modelId="{FAEBA457-B586-43A4-9BF7-A8A60E6995D2}" type="presParOf" srcId="{3BE81C76-1766-4111-AE04-1A3128D16F62}" destId="{5B7C92C3-C7B6-4703-9D00-622997979D94}" srcOrd="1" destOrd="0" presId="urn:microsoft.com/office/officeart/2005/8/layout/orgChart1"/>
    <dgm:cxn modelId="{9633AC4F-A042-47D3-A62E-832B991945B1}" type="presParOf" srcId="{92782EBC-AFAD-4C84-99F6-762779AC86F3}" destId="{B865C3BA-BFF3-465D-A5E4-A77522D7AD0B}" srcOrd="1" destOrd="0" presId="urn:microsoft.com/office/officeart/2005/8/layout/orgChart1"/>
    <dgm:cxn modelId="{C332394C-8255-4C52-BAD4-A87AA7480BC4}" type="presParOf" srcId="{92782EBC-AFAD-4C84-99F6-762779AC86F3}" destId="{B60ACF76-2D7F-4FEE-A702-FA1FE86B7496}" srcOrd="2" destOrd="0" presId="urn:microsoft.com/office/officeart/2005/8/layout/orgChart1"/>
    <dgm:cxn modelId="{1FF0E773-3BDE-4423-BD89-DF9C5B1C2C8B}" type="presParOf" srcId="{393F0768-E3EE-48C7-B5EF-9969487D32C1}" destId="{E3F4A26D-07C0-4D1A-A7FA-A003E9168350}" srcOrd="4" destOrd="0" presId="urn:microsoft.com/office/officeart/2005/8/layout/orgChart1"/>
    <dgm:cxn modelId="{777813EB-C687-45D6-9274-6EF916C44889}" type="presParOf" srcId="{393F0768-E3EE-48C7-B5EF-9969487D32C1}" destId="{08DD992E-DE39-4E71-90D2-084ABE36F4A2}" srcOrd="5" destOrd="0" presId="urn:microsoft.com/office/officeart/2005/8/layout/orgChart1"/>
    <dgm:cxn modelId="{1A587E99-AF7A-409B-AD2C-63B14B913F3C}" type="presParOf" srcId="{08DD992E-DE39-4E71-90D2-084ABE36F4A2}" destId="{9A5998FC-65D8-4B13-AE53-7DB8177F649B}" srcOrd="0" destOrd="0" presId="urn:microsoft.com/office/officeart/2005/8/layout/orgChart1"/>
    <dgm:cxn modelId="{B9C6046C-9EA3-411F-9A0E-C9371D6479F9}" type="presParOf" srcId="{9A5998FC-65D8-4B13-AE53-7DB8177F649B}" destId="{D7762668-AC72-409F-9D38-7BA44BEE3DD3}" srcOrd="0" destOrd="0" presId="urn:microsoft.com/office/officeart/2005/8/layout/orgChart1"/>
    <dgm:cxn modelId="{5C2F03B2-0383-4697-A5AD-2F1C27542BDA}" type="presParOf" srcId="{9A5998FC-65D8-4B13-AE53-7DB8177F649B}" destId="{58242E4D-3563-4EF6-859E-93FFB194535D}" srcOrd="1" destOrd="0" presId="urn:microsoft.com/office/officeart/2005/8/layout/orgChart1"/>
    <dgm:cxn modelId="{F87A1E87-8042-45D1-AB1C-57329444B8FE}" type="presParOf" srcId="{08DD992E-DE39-4E71-90D2-084ABE36F4A2}" destId="{63AF9046-F851-46BD-902D-0E229CD29B3C}" srcOrd="1" destOrd="0" presId="urn:microsoft.com/office/officeart/2005/8/layout/orgChart1"/>
    <dgm:cxn modelId="{C3155CBF-3665-44B5-9B0E-988969850FA1}" type="presParOf" srcId="{08DD992E-DE39-4E71-90D2-084ABE36F4A2}" destId="{4F21E238-19AF-44A1-AD66-B70D2171F32E}" srcOrd="2" destOrd="0" presId="urn:microsoft.com/office/officeart/2005/8/layout/orgChart1"/>
    <dgm:cxn modelId="{4879A3EE-963A-4397-B0E0-E29EB9F577DF}" type="presParOf" srcId="{BD62EDD4-AFF3-4393-894B-81BF332C6FAD}" destId="{40449180-D904-438D-89A2-22EB818956BD}" srcOrd="2" destOrd="0" presId="urn:microsoft.com/office/officeart/2005/8/layout/orgChart1"/>
    <dgm:cxn modelId="{06449863-6B40-458C-8CAD-4C596FC94CD9}" type="presParOf" srcId="{04EFE1E3-7D83-43AA-B8D8-6AA0F20FB230}" destId="{255EC15A-F8A2-459E-8AF8-4CF72CB04DD0}" srcOrd="2" destOrd="0" presId="urn:microsoft.com/office/officeart/2005/8/layout/orgChart1"/>
  </dgm:cxnLst>
  <dgm:bg>
    <a:noFill/>
  </dgm:bg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3.xml><?xml version="1.0" encoding="utf-8"?>
<dgm:dataModel xmlns:dgm="http://schemas.openxmlformats.org/drawingml/2006/diagram" xmlns:a="http://schemas.openxmlformats.org/drawingml/2006/main">
  <dgm:ptLst>
    <dgm:pt modelId="{242445E4-B26D-44BB-B50D-7CA7A525E602}" type="doc">
      <dgm:prSet loTypeId="urn:microsoft.com/office/officeart/2005/8/layout/vList5" loCatId="list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GB"/>
        </a:p>
      </dgm:t>
    </dgm:pt>
    <dgm:pt modelId="{ED6DA64F-8039-42AB-B9F8-14FC329E70A2}">
      <dgm:prSet/>
      <dgm:spPr/>
      <dgm:t>
        <a:bodyPr/>
        <a:lstStyle/>
        <a:p>
          <a:r>
            <a:rPr lang="en-US" b="1" baseline="0"/>
            <a:t>Regulatory Framework</a:t>
          </a:r>
          <a:endParaRPr lang="en-GB"/>
        </a:p>
      </dgm:t>
    </dgm:pt>
    <dgm:pt modelId="{0595FAA1-4A14-4825-AE59-4130C1E27247}" type="parTrans" cxnId="{E6C2AEAE-8D5A-41C2-A542-91F15D30E8D3}">
      <dgm:prSet/>
      <dgm:spPr/>
      <dgm:t>
        <a:bodyPr/>
        <a:lstStyle/>
        <a:p>
          <a:endParaRPr lang="en-GB"/>
        </a:p>
      </dgm:t>
    </dgm:pt>
    <dgm:pt modelId="{C44A538F-CFC5-4510-AEF6-5153A25F7F29}" type="sibTrans" cxnId="{E6C2AEAE-8D5A-41C2-A542-91F15D30E8D3}">
      <dgm:prSet/>
      <dgm:spPr/>
      <dgm:t>
        <a:bodyPr/>
        <a:lstStyle/>
        <a:p>
          <a:endParaRPr lang="en-GB"/>
        </a:p>
      </dgm:t>
    </dgm:pt>
    <dgm:pt modelId="{6392B87B-9502-460A-85CA-0C1059BB28B1}">
      <dgm:prSet/>
      <dgm:spPr/>
      <dgm:t>
        <a:bodyPr/>
        <a:lstStyle/>
        <a:p>
          <a:r>
            <a:rPr lang="en-US" baseline="0"/>
            <a:t>Blended hydrogen networks (less than 50%) can apply for an exemption under the GS(M)R</a:t>
          </a:r>
          <a:endParaRPr lang="en-GB"/>
        </a:p>
      </dgm:t>
    </dgm:pt>
    <dgm:pt modelId="{D5C206F7-12B7-411B-BF64-52A3E1150789}" type="parTrans" cxnId="{AAED8545-68D3-459C-A248-D2A7A8B03B84}">
      <dgm:prSet/>
      <dgm:spPr/>
      <dgm:t>
        <a:bodyPr/>
        <a:lstStyle/>
        <a:p>
          <a:endParaRPr lang="en-GB"/>
        </a:p>
      </dgm:t>
    </dgm:pt>
    <dgm:pt modelId="{47CBA67E-C027-4345-9E57-0B0A6919E572}" type="sibTrans" cxnId="{AAED8545-68D3-459C-A248-D2A7A8B03B84}">
      <dgm:prSet/>
      <dgm:spPr/>
      <dgm:t>
        <a:bodyPr/>
        <a:lstStyle/>
        <a:p>
          <a:endParaRPr lang="en-GB"/>
        </a:p>
      </dgm:t>
    </dgm:pt>
    <dgm:pt modelId="{8BCF349B-EBD7-4E1F-8E28-43A45E1C2323}">
      <dgm:prSet/>
      <dgm:spPr/>
      <dgm:t>
        <a:bodyPr/>
        <a:lstStyle/>
        <a:p>
          <a:r>
            <a:rPr lang="en-US" b="1" baseline="0"/>
            <a:t>Key Findings</a:t>
          </a:r>
          <a:endParaRPr lang="en-GB"/>
        </a:p>
      </dgm:t>
    </dgm:pt>
    <dgm:pt modelId="{953830C8-04D1-45DC-8858-4CD240F5B148}" type="parTrans" cxnId="{F19541A2-A91B-430E-8895-DC68FC5D679C}">
      <dgm:prSet/>
      <dgm:spPr/>
      <dgm:t>
        <a:bodyPr/>
        <a:lstStyle/>
        <a:p>
          <a:endParaRPr lang="en-GB"/>
        </a:p>
      </dgm:t>
    </dgm:pt>
    <dgm:pt modelId="{19F7FE15-0A50-4C9B-B792-831CAD4FAE25}" type="sibTrans" cxnId="{F19541A2-A91B-430E-8895-DC68FC5D679C}">
      <dgm:prSet/>
      <dgm:spPr/>
      <dgm:t>
        <a:bodyPr/>
        <a:lstStyle/>
        <a:p>
          <a:endParaRPr lang="en-GB"/>
        </a:p>
      </dgm:t>
    </dgm:pt>
    <dgm:pt modelId="{EA211EAE-463A-4EED-B39A-D3D4EFCBEDAE}">
      <dgm:prSet/>
      <dgm:spPr/>
      <dgm:t>
        <a:bodyPr/>
        <a:lstStyle/>
        <a:p>
          <a:r>
            <a:rPr lang="en-US" baseline="0"/>
            <a:t>GS(M)R exemption for time-bound trials not an efficient means of wider roll out of hydrogen blending</a:t>
          </a:r>
          <a:endParaRPr lang="en-GB"/>
        </a:p>
      </dgm:t>
    </dgm:pt>
    <dgm:pt modelId="{D2262B47-9D1A-4B5A-B3A7-11A0F72617DF}" type="parTrans" cxnId="{10CC9AC1-23A3-4C70-9B67-1B85DBD91A2E}">
      <dgm:prSet/>
      <dgm:spPr/>
      <dgm:t>
        <a:bodyPr/>
        <a:lstStyle/>
        <a:p>
          <a:endParaRPr lang="en-GB"/>
        </a:p>
      </dgm:t>
    </dgm:pt>
    <dgm:pt modelId="{9EBE4D42-0228-436E-867C-AF2B2D044B97}" type="sibTrans" cxnId="{10CC9AC1-23A3-4C70-9B67-1B85DBD91A2E}">
      <dgm:prSet/>
      <dgm:spPr/>
      <dgm:t>
        <a:bodyPr/>
        <a:lstStyle/>
        <a:p>
          <a:endParaRPr lang="en-GB"/>
        </a:p>
      </dgm:t>
    </dgm:pt>
    <dgm:pt modelId="{96FD60BC-079A-484B-A443-11C738B6E21D}">
      <dgm:prSet/>
      <dgm:spPr/>
      <dgm:t>
        <a:bodyPr/>
        <a:lstStyle/>
        <a:p>
          <a:r>
            <a:rPr lang="en-US" baseline="0"/>
            <a:t>GS(M)R does not cover 100% and majority hydrogen gas networks</a:t>
          </a:r>
          <a:endParaRPr lang="en-GB"/>
        </a:p>
      </dgm:t>
    </dgm:pt>
    <dgm:pt modelId="{41A6AFEE-C3C3-4BB6-A02E-4EF8C1F88563}" type="parTrans" cxnId="{8AC0652B-11F4-4902-8F71-C417AD61EB60}">
      <dgm:prSet/>
      <dgm:spPr/>
      <dgm:t>
        <a:bodyPr/>
        <a:lstStyle/>
        <a:p>
          <a:endParaRPr lang="en-GB"/>
        </a:p>
      </dgm:t>
    </dgm:pt>
    <dgm:pt modelId="{B719F2D4-6EBC-467E-8349-280B8928ADCC}" type="sibTrans" cxnId="{8AC0652B-11F4-4902-8F71-C417AD61EB60}">
      <dgm:prSet/>
      <dgm:spPr/>
      <dgm:t>
        <a:bodyPr/>
        <a:lstStyle/>
        <a:p>
          <a:endParaRPr lang="en-GB"/>
        </a:p>
      </dgm:t>
    </dgm:pt>
    <dgm:pt modelId="{5CB0C564-FA41-4C2B-A662-EDFB63CC9797}" type="pres">
      <dgm:prSet presAssocID="{242445E4-B26D-44BB-B50D-7CA7A525E602}" presName="Name0" presStyleCnt="0">
        <dgm:presLayoutVars>
          <dgm:dir/>
          <dgm:animLvl val="lvl"/>
          <dgm:resizeHandles val="exact"/>
        </dgm:presLayoutVars>
      </dgm:prSet>
      <dgm:spPr/>
    </dgm:pt>
    <dgm:pt modelId="{E5D2C2BE-AB46-4D27-BCFE-8DE1FF77DA7D}" type="pres">
      <dgm:prSet presAssocID="{ED6DA64F-8039-42AB-B9F8-14FC329E70A2}" presName="linNode" presStyleCnt="0"/>
      <dgm:spPr/>
    </dgm:pt>
    <dgm:pt modelId="{1F77EF2B-9D18-4A3B-85CE-A30D12BE5C7A}" type="pres">
      <dgm:prSet presAssocID="{ED6DA64F-8039-42AB-B9F8-14FC329E70A2}" presName="parentText" presStyleLbl="node1" presStyleIdx="0" presStyleCnt="2">
        <dgm:presLayoutVars>
          <dgm:chMax val="1"/>
          <dgm:bulletEnabled val="1"/>
        </dgm:presLayoutVars>
      </dgm:prSet>
      <dgm:spPr/>
    </dgm:pt>
    <dgm:pt modelId="{379A26AC-7A00-4D7A-967C-835F1098386C}" type="pres">
      <dgm:prSet presAssocID="{ED6DA64F-8039-42AB-B9F8-14FC329E70A2}" presName="descendantText" presStyleLbl="alignAccFollowNode1" presStyleIdx="0" presStyleCnt="2">
        <dgm:presLayoutVars>
          <dgm:bulletEnabled val="1"/>
        </dgm:presLayoutVars>
      </dgm:prSet>
      <dgm:spPr/>
    </dgm:pt>
    <dgm:pt modelId="{2C9D30CB-2C04-4526-8D39-7542D7A840B8}" type="pres">
      <dgm:prSet presAssocID="{C44A538F-CFC5-4510-AEF6-5153A25F7F29}" presName="sp" presStyleCnt="0"/>
      <dgm:spPr/>
    </dgm:pt>
    <dgm:pt modelId="{B25338CD-D927-4D58-AC05-5E705860C39F}" type="pres">
      <dgm:prSet presAssocID="{8BCF349B-EBD7-4E1F-8E28-43A45E1C2323}" presName="linNode" presStyleCnt="0"/>
      <dgm:spPr/>
    </dgm:pt>
    <dgm:pt modelId="{1394A76D-7CF1-4529-9795-393EF28ECA0A}" type="pres">
      <dgm:prSet presAssocID="{8BCF349B-EBD7-4E1F-8E28-43A45E1C2323}" presName="parentText" presStyleLbl="node1" presStyleIdx="1" presStyleCnt="2">
        <dgm:presLayoutVars>
          <dgm:chMax val="1"/>
          <dgm:bulletEnabled val="1"/>
        </dgm:presLayoutVars>
      </dgm:prSet>
      <dgm:spPr/>
    </dgm:pt>
    <dgm:pt modelId="{9399174B-1003-4953-B0C5-6256BCCE66C4}" type="pres">
      <dgm:prSet presAssocID="{8BCF349B-EBD7-4E1F-8E28-43A45E1C2323}" presName="descendantText" presStyleLbl="alignAccFollowNode1" presStyleIdx="1" presStyleCnt="2">
        <dgm:presLayoutVars>
          <dgm:bulletEnabled val="1"/>
        </dgm:presLayoutVars>
      </dgm:prSet>
      <dgm:spPr/>
    </dgm:pt>
  </dgm:ptLst>
  <dgm:cxnLst>
    <dgm:cxn modelId="{C666E10D-CA1A-468D-B264-91E464FA70A5}" type="presOf" srcId="{6392B87B-9502-460A-85CA-0C1059BB28B1}" destId="{379A26AC-7A00-4D7A-967C-835F1098386C}" srcOrd="0" destOrd="0" presId="urn:microsoft.com/office/officeart/2005/8/layout/vList5"/>
    <dgm:cxn modelId="{20090423-C3F3-4E75-9F1D-CC846608290F}" type="presOf" srcId="{8BCF349B-EBD7-4E1F-8E28-43A45E1C2323}" destId="{1394A76D-7CF1-4529-9795-393EF28ECA0A}" srcOrd="0" destOrd="0" presId="urn:microsoft.com/office/officeart/2005/8/layout/vList5"/>
    <dgm:cxn modelId="{8AC0652B-11F4-4902-8F71-C417AD61EB60}" srcId="{8BCF349B-EBD7-4E1F-8E28-43A45E1C2323}" destId="{96FD60BC-079A-484B-A443-11C738B6E21D}" srcOrd="1" destOrd="0" parTransId="{41A6AFEE-C3C3-4BB6-A02E-4EF8C1F88563}" sibTransId="{B719F2D4-6EBC-467E-8349-280B8928ADCC}"/>
    <dgm:cxn modelId="{AAED8545-68D3-459C-A248-D2A7A8B03B84}" srcId="{ED6DA64F-8039-42AB-B9F8-14FC329E70A2}" destId="{6392B87B-9502-460A-85CA-0C1059BB28B1}" srcOrd="0" destOrd="0" parTransId="{D5C206F7-12B7-411B-BF64-52A3E1150789}" sibTransId="{47CBA67E-C027-4345-9E57-0B0A6919E572}"/>
    <dgm:cxn modelId="{EB7D6581-061A-4344-BE1C-98074BB6F39C}" type="presOf" srcId="{242445E4-B26D-44BB-B50D-7CA7A525E602}" destId="{5CB0C564-FA41-4C2B-A662-EDFB63CC9797}" srcOrd="0" destOrd="0" presId="urn:microsoft.com/office/officeart/2005/8/layout/vList5"/>
    <dgm:cxn modelId="{BACA9383-12AD-4750-BE78-848F01BCAECB}" type="presOf" srcId="{EA211EAE-463A-4EED-B39A-D3D4EFCBEDAE}" destId="{9399174B-1003-4953-B0C5-6256BCCE66C4}" srcOrd="0" destOrd="0" presId="urn:microsoft.com/office/officeart/2005/8/layout/vList5"/>
    <dgm:cxn modelId="{8D8CCE8D-5AA6-4364-AE4F-6925301B310E}" type="presOf" srcId="{96FD60BC-079A-484B-A443-11C738B6E21D}" destId="{9399174B-1003-4953-B0C5-6256BCCE66C4}" srcOrd="0" destOrd="1" presId="urn:microsoft.com/office/officeart/2005/8/layout/vList5"/>
    <dgm:cxn modelId="{F19541A2-A91B-430E-8895-DC68FC5D679C}" srcId="{242445E4-B26D-44BB-B50D-7CA7A525E602}" destId="{8BCF349B-EBD7-4E1F-8E28-43A45E1C2323}" srcOrd="1" destOrd="0" parTransId="{953830C8-04D1-45DC-8858-4CD240F5B148}" sibTransId="{19F7FE15-0A50-4C9B-B792-831CAD4FAE25}"/>
    <dgm:cxn modelId="{E6C2AEAE-8D5A-41C2-A542-91F15D30E8D3}" srcId="{242445E4-B26D-44BB-B50D-7CA7A525E602}" destId="{ED6DA64F-8039-42AB-B9F8-14FC329E70A2}" srcOrd="0" destOrd="0" parTransId="{0595FAA1-4A14-4825-AE59-4130C1E27247}" sibTransId="{C44A538F-CFC5-4510-AEF6-5153A25F7F29}"/>
    <dgm:cxn modelId="{10CC9AC1-23A3-4C70-9B67-1B85DBD91A2E}" srcId="{8BCF349B-EBD7-4E1F-8E28-43A45E1C2323}" destId="{EA211EAE-463A-4EED-B39A-D3D4EFCBEDAE}" srcOrd="0" destOrd="0" parTransId="{D2262B47-9D1A-4B5A-B3A7-11A0F72617DF}" sibTransId="{9EBE4D42-0228-436E-867C-AF2B2D044B97}"/>
    <dgm:cxn modelId="{CFF5CCF5-C973-4D5F-B886-5E96F6BE8678}" type="presOf" srcId="{ED6DA64F-8039-42AB-B9F8-14FC329E70A2}" destId="{1F77EF2B-9D18-4A3B-85CE-A30D12BE5C7A}" srcOrd="0" destOrd="0" presId="urn:microsoft.com/office/officeart/2005/8/layout/vList5"/>
    <dgm:cxn modelId="{3BCF388B-E1DD-4AA0-9D5B-8774B364FD8A}" type="presParOf" srcId="{5CB0C564-FA41-4C2B-A662-EDFB63CC9797}" destId="{E5D2C2BE-AB46-4D27-BCFE-8DE1FF77DA7D}" srcOrd="0" destOrd="0" presId="urn:microsoft.com/office/officeart/2005/8/layout/vList5"/>
    <dgm:cxn modelId="{FDB1B146-4FE3-43B3-8FC8-7546961D50C1}" type="presParOf" srcId="{E5D2C2BE-AB46-4D27-BCFE-8DE1FF77DA7D}" destId="{1F77EF2B-9D18-4A3B-85CE-A30D12BE5C7A}" srcOrd="0" destOrd="0" presId="urn:microsoft.com/office/officeart/2005/8/layout/vList5"/>
    <dgm:cxn modelId="{44DA0133-22E4-4756-8C83-AEE0F8E48441}" type="presParOf" srcId="{E5D2C2BE-AB46-4D27-BCFE-8DE1FF77DA7D}" destId="{379A26AC-7A00-4D7A-967C-835F1098386C}" srcOrd="1" destOrd="0" presId="urn:microsoft.com/office/officeart/2005/8/layout/vList5"/>
    <dgm:cxn modelId="{90EB18DE-84D3-43B7-9236-6DE6400E099B}" type="presParOf" srcId="{5CB0C564-FA41-4C2B-A662-EDFB63CC9797}" destId="{2C9D30CB-2C04-4526-8D39-7542D7A840B8}" srcOrd="1" destOrd="0" presId="urn:microsoft.com/office/officeart/2005/8/layout/vList5"/>
    <dgm:cxn modelId="{674FF63F-551F-4237-AF86-FAE843FAB4FC}" type="presParOf" srcId="{5CB0C564-FA41-4C2B-A662-EDFB63CC9797}" destId="{B25338CD-D927-4D58-AC05-5E705860C39F}" srcOrd="2" destOrd="0" presId="urn:microsoft.com/office/officeart/2005/8/layout/vList5"/>
    <dgm:cxn modelId="{CD8EBAF4-8618-43D1-8714-14BD7A266897}" type="presParOf" srcId="{B25338CD-D927-4D58-AC05-5E705860C39F}" destId="{1394A76D-7CF1-4529-9795-393EF28ECA0A}" srcOrd="0" destOrd="0" presId="urn:microsoft.com/office/officeart/2005/8/layout/vList5"/>
    <dgm:cxn modelId="{69817346-9AA4-4EE3-80BD-9FCCCA87B132}" type="presParOf" srcId="{B25338CD-D927-4D58-AC05-5E705860C39F}" destId="{9399174B-1003-4953-B0C5-6256BCCE66C4}" srcOrd="1" destOrd="0" presId="urn:microsoft.com/office/officeart/2005/8/layout/vList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4.xml><?xml version="1.0" encoding="utf-8"?>
<dgm:dataModel xmlns:dgm="http://schemas.openxmlformats.org/drawingml/2006/diagram" xmlns:a="http://schemas.openxmlformats.org/drawingml/2006/main">
  <dgm:ptLst>
    <dgm:pt modelId="{F4B1FFB0-361E-4350-99FE-BDF897BEAE1C}" type="doc">
      <dgm:prSet loTypeId="urn:microsoft.com/office/officeart/2005/8/layout/vList5" loCatId="list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GB"/>
        </a:p>
      </dgm:t>
    </dgm:pt>
    <dgm:pt modelId="{056C6001-C08D-4483-842E-9989B999C4B6}">
      <dgm:prSet/>
      <dgm:spPr/>
      <dgm:t>
        <a:bodyPr/>
        <a:lstStyle/>
        <a:p>
          <a:r>
            <a:rPr lang="en-US" b="1" baseline="0"/>
            <a:t>Regulatory Framework</a:t>
          </a:r>
          <a:endParaRPr lang="en-GB"/>
        </a:p>
      </dgm:t>
    </dgm:pt>
    <dgm:pt modelId="{CBA28741-DDF4-40B9-8550-9F6864FBB346}" type="parTrans" cxnId="{E26284A5-7CA4-43FB-81C4-E14528F08578}">
      <dgm:prSet/>
      <dgm:spPr/>
      <dgm:t>
        <a:bodyPr/>
        <a:lstStyle/>
        <a:p>
          <a:endParaRPr lang="en-GB"/>
        </a:p>
      </dgm:t>
    </dgm:pt>
    <dgm:pt modelId="{F8F7301E-D67F-4798-AFB3-90A5125C2780}" type="sibTrans" cxnId="{E26284A5-7CA4-43FB-81C4-E14528F08578}">
      <dgm:prSet/>
      <dgm:spPr/>
      <dgm:t>
        <a:bodyPr/>
        <a:lstStyle/>
        <a:p>
          <a:endParaRPr lang="en-GB"/>
        </a:p>
      </dgm:t>
    </dgm:pt>
    <dgm:pt modelId="{C697D6B8-6252-47A0-8DC0-2A3D5F5B3789}">
      <dgm:prSet/>
      <dgm:spPr/>
      <dgm:t>
        <a:bodyPr/>
        <a:lstStyle/>
        <a:p>
          <a:r>
            <a:rPr lang="en-US" baseline="0"/>
            <a:t>DSEAR and PSSR</a:t>
          </a:r>
          <a:endParaRPr lang="en-GB"/>
        </a:p>
      </dgm:t>
    </dgm:pt>
    <dgm:pt modelId="{91F8D97E-1D2D-4EDC-AEB5-51D549A3ABF3}" type="parTrans" cxnId="{E9288B10-F0E8-469B-86D7-CADDE0DB18AB}">
      <dgm:prSet/>
      <dgm:spPr/>
      <dgm:t>
        <a:bodyPr/>
        <a:lstStyle/>
        <a:p>
          <a:endParaRPr lang="en-GB"/>
        </a:p>
      </dgm:t>
    </dgm:pt>
    <dgm:pt modelId="{A3F96C36-9127-403A-953B-043F1E622BE9}" type="sibTrans" cxnId="{E9288B10-F0E8-469B-86D7-CADDE0DB18AB}">
      <dgm:prSet/>
      <dgm:spPr/>
      <dgm:t>
        <a:bodyPr/>
        <a:lstStyle/>
        <a:p>
          <a:endParaRPr lang="en-GB"/>
        </a:p>
      </dgm:t>
    </dgm:pt>
    <dgm:pt modelId="{CBD550BB-8E7C-4DCD-9D89-FF466D6B0374}">
      <dgm:prSet/>
      <dgm:spPr/>
      <dgm:t>
        <a:bodyPr/>
        <a:lstStyle/>
        <a:p>
          <a:r>
            <a:rPr lang="en-US" baseline="0"/>
            <a:t>Below threshold for COMAH and Hazardous Substances Planning</a:t>
          </a:r>
          <a:endParaRPr lang="en-GB"/>
        </a:p>
      </dgm:t>
    </dgm:pt>
    <dgm:pt modelId="{4C7C2095-4582-45D9-B65A-17843BABDB6F}" type="parTrans" cxnId="{E6B63FB5-5B5B-4A98-B3EF-D60A5D547B4F}">
      <dgm:prSet/>
      <dgm:spPr/>
      <dgm:t>
        <a:bodyPr/>
        <a:lstStyle/>
        <a:p>
          <a:endParaRPr lang="en-GB"/>
        </a:p>
      </dgm:t>
    </dgm:pt>
    <dgm:pt modelId="{040017F5-618B-4C53-A150-13903CBAA9E5}" type="sibTrans" cxnId="{E6B63FB5-5B5B-4A98-B3EF-D60A5D547B4F}">
      <dgm:prSet/>
      <dgm:spPr/>
      <dgm:t>
        <a:bodyPr/>
        <a:lstStyle/>
        <a:p>
          <a:endParaRPr lang="en-GB"/>
        </a:p>
      </dgm:t>
    </dgm:pt>
    <dgm:pt modelId="{6C6204BF-0AA4-4EED-B695-AD119FFC393F}">
      <dgm:prSet/>
      <dgm:spPr/>
      <dgm:t>
        <a:bodyPr/>
        <a:lstStyle/>
        <a:p>
          <a:r>
            <a:rPr lang="en-US" baseline="0"/>
            <a:t>“A1:low impact permit” for certain types of hydrogen production via electrolysis e.g. Octopus Energy/ HORIBA</a:t>
          </a:r>
          <a:endParaRPr lang="en-GB"/>
        </a:p>
      </dgm:t>
    </dgm:pt>
    <dgm:pt modelId="{1AE8B3DA-C1DC-4E72-B0D7-4BDFCF4DF35F}" type="parTrans" cxnId="{DB460CFB-6EF5-46FD-A09B-48B6234D365E}">
      <dgm:prSet/>
      <dgm:spPr/>
      <dgm:t>
        <a:bodyPr/>
        <a:lstStyle/>
        <a:p>
          <a:endParaRPr lang="en-GB"/>
        </a:p>
      </dgm:t>
    </dgm:pt>
    <dgm:pt modelId="{A4E256B4-FA08-4FA8-9A73-E8D609C8E096}" type="sibTrans" cxnId="{DB460CFB-6EF5-46FD-A09B-48B6234D365E}">
      <dgm:prSet/>
      <dgm:spPr/>
      <dgm:t>
        <a:bodyPr/>
        <a:lstStyle/>
        <a:p>
          <a:endParaRPr lang="en-GB"/>
        </a:p>
      </dgm:t>
    </dgm:pt>
    <dgm:pt modelId="{C0832EA5-3B47-443C-B4AC-5A47059564C0}">
      <dgm:prSet/>
      <dgm:spPr/>
      <dgm:t>
        <a:bodyPr/>
        <a:lstStyle/>
        <a:p>
          <a:r>
            <a:rPr lang="en-US" b="1" baseline="0"/>
            <a:t>Key Findings</a:t>
          </a:r>
          <a:endParaRPr lang="en-GB"/>
        </a:p>
      </dgm:t>
    </dgm:pt>
    <dgm:pt modelId="{13526A41-0159-40D2-B355-0F22F395E127}" type="parTrans" cxnId="{2E11D7C3-3715-41A4-B836-6636CA1E0692}">
      <dgm:prSet/>
      <dgm:spPr/>
      <dgm:t>
        <a:bodyPr/>
        <a:lstStyle/>
        <a:p>
          <a:endParaRPr lang="en-GB"/>
        </a:p>
      </dgm:t>
    </dgm:pt>
    <dgm:pt modelId="{9E1D6B77-AE4B-4B2E-8BCA-C03EA1DAE293}" type="sibTrans" cxnId="{2E11D7C3-3715-41A4-B836-6636CA1E0692}">
      <dgm:prSet/>
      <dgm:spPr/>
      <dgm:t>
        <a:bodyPr/>
        <a:lstStyle/>
        <a:p>
          <a:endParaRPr lang="en-GB"/>
        </a:p>
      </dgm:t>
    </dgm:pt>
    <dgm:pt modelId="{9377BFDE-AC62-43FD-BEEA-CE2D1BACE07D}">
      <dgm:prSet/>
      <dgm:spPr/>
      <dgm:t>
        <a:bodyPr/>
        <a:lstStyle/>
        <a:p>
          <a:r>
            <a:rPr lang="en-US" baseline="0"/>
            <a:t>Transposition of the EU to UK regs is incomplete</a:t>
          </a:r>
          <a:endParaRPr lang="en-GB"/>
        </a:p>
      </dgm:t>
    </dgm:pt>
    <dgm:pt modelId="{9CEF6452-740B-4427-93E5-3F64E1E8D966}" type="parTrans" cxnId="{B0A1F16B-7DD4-472D-BA00-0EBF75714455}">
      <dgm:prSet/>
      <dgm:spPr/>
      <dgm:t>
        <a:bodyPr/>
        <a:lstStyle/>
        <a:p>
          <a:endParaRPr lang="en-GB"/>
        </a:p>
      </dgm:t>
    </dgm:pt>
    <dgm:pt modelId="{7747BAD0-4EBA-4066-930C-169BCA5096CB}" type="sibTrans" cxnId="{B0A1F16B-7DD4-472D-BA00-0EBF75714455}">
      <dgm:prSet/>
      <dgm:spPr/>
      <dgm:t>
        <a:bodyPr/>
        <a:lstStyle/>
        <a:p>
          <a:endParaRPr lang="en-GB"/>
        </a:p>
      </dgm:t>
    </dgm:pt>
    <dgm:pt modelId="{68207D28-C0C0-4CC5-AB37-0FFD29FFB87D}">
      <dgm:prSet/>
      <dgm:spPr/>
      <dgm:t>
        <a:bodyPr/>
        <a:lstStyle/>
        <a:p>
          <a:r>
            <a:rPr lang="en-US" baseline="0"/>
            <a:t>Limited availability of some components</a:t>
          </a:r>
          <a:endParaRPr lang="en-GB"/>
        </a:p>
      </dgm:t>
    </dgm:pt>
    <dgm:pt modelId="{FAD20DD4-72F1-4B49-A85B-2A9B58BAF482}" type="parTrans" cxnId="{1101D9D3-7B9A-4417-9EDB-870A5495026E}">
      <dgm:prSet/>
      <dgm:spPr/>
      <dgm:t>
        <a:bodyPr/>
        <a:lstStyle/>
        <a:p>
          <a:endParaRPr lang="en-GB"/>
        </a:p>
      </dgm:t>
    </dgm:pt>
    <dgm:pt modelId="{D7BB90A1-D44A-46A0-B6BA-24A1494CE2F8}" type="sibTrans" cxnId="{1101D9D3-7B9A-4417-9EDB-870A5495026E}">
      <dgm:prSet/>
      <dgm:spPr/>
      <dgm:t>
        <a:bodyPr/>
        <a:lstStyle/>
        <a:p>
          <a:endParaRPr lang="en-GB"/>
        </a:p>
      </dgm:t>
    </dgm:pt>
    <dgm:pt modelId="{24DCFF02-3A39-424C-A8E6-53AFDD0F508D}">
      <dgm:prSet/>
      <dgm:spPr/>
      <dgm:t>
        <a:bodyPr/>
        <a:lstStyle/>
        <a:p>
          <a:r>
            <a:rPr lang="en-US" baseline="0"/>
            <a:t>UK test facilities not ready</a:t>
          </a:r>
          <a:endParaRPr lang="en-GB"/>
        </a:p>
      </dgm:t>
    </dgm:pt>
    <dgm:pt modelId="{DAEDD859-945D-4715-9819-8C752B6CB299}" type="parTrans" cxnId="{5C9026D0-8433-453D-B536-68BA25D5D2F4}">
      <dgm:prSet/>
      <dgm:spPr/>
      <dgm:t>
        <a:bodyPr/>
        <a:lstStyle/>
        <a:p>
          <a:endParaRPr lang="en-GB"/>
        </a:p>
      </dgm:t>
    </dgm:pt>
    <dgm:pt modelId="{480EB6D1-87A2-429A-ABC9-58CEA3B082CB}" type="sibTrans" cxnId="{5C9026D0-8433-453D-B536-68BA25D5D2F4}">
      <dgm:prSet/>
      <dgm:spPr/>
      <dgm:t>
        <a:bodyPr/>
        <a:lstStyle/>
        <a:p>
          <a:endParaRPr lang="en-GB"/>
        </a:p>
      </dgm:t>
    </dgm:pt>
    <dgm:pt modelId="{2F1EDCFF-956F-4DDE-AE16-B367B2EF12DA}">
      <dgm:prSet/>
      <dgm:spPr/>
      <dgm:t>
        <a:bodyPr/>
        <a:lstStyle/>
        <a:p>
          <a:r>
            <a:rPr lang="en-US" baseline="0"/>
            <a:t>UK MOT does not currently cover hydrogen</a:t>
          </a:r>
          <a:endParaRPr lang="en-GB"/>
        </a:p>
      </dgm:t>
    </dgm:pt>
    <dgm:pt modelId="{F35A5EB6-04D1-4E38-BC0C-318101CE2525}" type="parTrans" cxnId="{1CB02837-6C8C-4068-B7FE-4088A840DC3D}">
      <dgm:prSet/>
      <dgm:spPr/>
      <dgm:t>
        <a:bodyPr/>
        <a:lstStyle/>
        <a:p>
          <a:endParaRPr lang="en-GB"/>
        </a:p>
      </dgm:t>
    </dgm:pt>
    <dgm:pt modelId="{583EE082-38B2-4C43-9BCC-D25DE61AD297}" type="sibTrans" cxnId="{1CB02837-6C8C-4068-B7FE-4088A840DC3D}">
      <dgm:prSet/>
      <dgm:spPr/>
      <dgm:t>
        <a:bodyPr/>
        <a:lstStyle/>
        <a:p>
          <a:endParaRPr lang="en-GB"/>
        </a:p>
      </dgm:t>
    </dgm:pt>
    <dgm:pt modelId="{693E9148-6356-4513-AF8C-4795A79DDBF9}" type="pres">
      <dgm:prSet presAssocID="{F4B1FFB0-361E-4350-99FE-BDF897BEAE1C}" presName="Name0" presStyleCnt="0">
        <dgm:presLayoutVars>
          <dgm:dir/>
          <dgm:animLvl val="lvl"/>
          <dgm:resizeHandles val="exact"/>
        </dgm:presLayoutVars>
      </dgm:prSet>
      <dgm:spPr/>
    </dgm:pt>
    <dgm:pt modelId="{4D8DA14E-3056-40E1-9C0C-936877D641D4}" type="pres">
      <dgm:prSet presAssocID="{056C6001-C08D-4483-842E-9989B999C4B6}" presName="linNode" presStyleCnt="0"/>
      <dgm:spPr/>
    </dgm:pt>
    <dgm:pt modelId="{A496A466-A949-41B4-9403-1F69EA6F03DF}" type="pres">
      <dgm:prSet presAssocID="{056C6001-C08D-4483-842E-9989B999C4B6}" presName="parentText" presStyleLbl="node1" presStyleIdx="0" presStyleCnt="2">
        <dgm:presLayoutVars>
          <dgm:chMax val="1"/>
          <dgm:bulletEnabled val="1"/>
        </dgm:presLayoutVars>
      </dgm:prSet>
      <dgm:spPr/>
    </dgm:pt>
    <dgm:pt modelId="{E8117C2F-AE8A-4610-9F20-C55F41D7C591}" type="pres">
      <dgm:prSet presAssocID="{056C6001-C08D-4483-842E-9989B999C4B6}" presName="descendantText" presStyleLbl="alignAccFollowNode1" presStyleIdx="0" presStyleCnt="2">
        <dgm:presLayoutVars>
          <dgm:bulletEnabled val="1"/>
        </dgm:presLayoutVars>
      </dgm:prSet>
      <dgm:spPr/>
    </dgm:pt>
    <dgm:pt modelId="{FB8297DE-CF94-46D8-95DF-895F7771F157}" type="pres">
      <dgm:prSet presAssocID="{F8F7301E-D67F-4798-AFB3-90A5125C2780}" presName="sp" presStyleCnt="0"/>
      <dgm:spPr/>
    </dgm:pt>
    <dgm:pt modelId="{8C412609-F740-4E3D-80E9-9B4CED4B7062}" type="pres">
      <dgm:prSet presAssocID="{C0832EA5-3B47-443C-B4AC-5A47059564C0}" presName="linNode" presStyleCnt="0"/>
      <dgm:spPr/>
    </dgm:pt>
    <dgm:pt modelId="{F4B1DF11-64A1-4451-81C1-340CC109102B}" type="pres">
      <dgm:prSet presAssocID="{C0832EA5-3B47-443C-B4AC-5A47059564C0}" presName="parentText" presStyleLbl="node1" presStyleIdx="1" presStyleCnt="2">
        <dgm:presLayoutVars>
          <dgm:chMax val="1"/>
          <dgm:bulletEnabled val="1"/>
        </dgm:presLayoutVars>
      </dgm:prSet>
      <dgm:spPr/>
    </dgm:pt>
    <dgm:pt modelId="{341648F1-AE18-44BF-8265-C311B42C6C37}" type="pres">
      <dgm:prSet presAssocID="{C0832EA5-3B47-443C-B4AC-5A47059564C0}" presName="descendantText" presStyleLbl="alignAccFollowNode1" presStyleIdx="1" presStyleCnt="2">
        <dgm:presLayoutVars>
          <dgm:bulletEnabled val="1"/>
        </dgm:presLayoutVars>
      </dgm:prSet>
      <dgm:spPr/>
    </dgm:pt>
  </dgm:ptLst>
  <dgm:cxnLst>
    <dgm:cxn modelId="{E9288B10-F0E8-469B-86D7-CADDE0DB18AB}" srcId="{056C6001-C08D-4483-842E-9989B999C4B6}" destId="{C697D6B8-6252-47A0-8DC0-2A3D5F5B3789}" srcOrd="0" destOrd="0" parTransId="{91F8D97E-1D2D-4EDC-AEB5-51D549A3ABF3}" sibTransId="{A3F96C36-9127-403A-953B-043F1E622BE9}"/>
    <dgm:cxn modelId="{48D74D12-6C19-4669-A4DE-3D5BF2F3F214}" type="presOf" srcId="{C697D6B8-6252-47A0-8DC0-2A3D5F5B3789}" destId="{E8117C2F-AE8A-4610-9F20-C55F41D7C591}" srcOrd="0" destOrd="0" presId="urn:microsoft.com/office/officeart/2005/8/layout/vList5"/>
    <dgm:cxn modelId="{1CB02837-6C8C-4068-B7FE-4088A840DC3D}" srcId="{C0832EA5-3B47-443C-B4AC-5A47059564C0}" destId="{2F1EDCFF-956F-4DDE-AE16-B367B2EF12DA}" srcOrd="3" destOrd="0" parTransId="{F35A5EB6-04D1-4E38-BC0C-318101CE2525}" sibTransId="{583EE082-38B2-4C43-9BCC-D25DE61AD297}"/>
    <dgm:cxn modelId="{0EAFFD3A-76CA-4B51-BD9D-C7A36E81EEC9}" type="presOf" srcId="{6C6204BF-0AA4-4EED-B695-AD119FFC393F}" destId="{E8117C2F-AE8A-4610-9F20-C55F41D7C591}" srcOrd="0" destOrd="2" presId="urn:microsoft.com/office/officeart/2005/8/layout/vList5"/>
    <dgm:cxn modelId="{3D424146-D0D9-42A8-8F25-01361C5A2C5E}" type="presOf" srcId="{CBD550BB-8E7C-4DCD-9D89-FF466D6B0374}" destId="{E8117C2F-AE8A-4610-9F20-C55F41D7C591}" srcOrd="0" destOrd="1" presId="urn:microsoft.com/office/officeart/2005/8/layout/vList5"/>
    <dgm:cxn modelId="{B0A1F16B-7DD4-472D-BA00-0EBF75714455}" srcId="{C0832EA5-3B47-443C-B4AC-5A47059564C0}" destId="{9377BFDE-AC62-43FD-BEEA-CE2D1BACE07D}" srcOrd="0" destOrd="0" parTransId="{9CEF6452-740B-4427-93E5-3F64E1E8D966}" sibTransId="{7747BAD0-4EBA-4066-930C-169BCA5096CB}"/>
    <dgm:cxn modelId="{6B69E576-0854-4153-AD14-205931343493}" type="presOf" srcId="{056C6001-C08D-4483-842E-9989B999C4B6}" destId="{A496A466-A949-41B4-9403-1F69EA6F03DF}" srcOrd="0" destOrd="0" presId="urn:microsoft.com/office/officeart/2005/8/layout/vList5"/>
    <dgm:cxn modelId="{4D56C979-EFAD-4030-910A-AAE7DE5D2910}" type="presOf" srcId="{2F1EDCFF-956F-4DDE-AE16-B367B2EF12DA}" destId="{341648F1-AE18-44BF-8265-C311B42C6C37}" srcOrd="0" destOrd="3" presId="urn:microsoft.com/office/officeart/2005/8/layout/vList5"/>
    <dgm:cxn modelId="{764F417C-8888-4000-9310-70C0C108C3C7}" type="presOf" srcId="{68207D28-C0C0-4CC5-AB37-0FFD29FFB87D}" destId="{341648F1-AE18-44BF-8265-C311B42C6C37}" srcOrd="0" destOrd="1" presId="urn:microsoft.com/office/officeart/2005/8/layout/vList5"/>
    <dgm:cxn modelId="{FA9FF697-3201-4C50-ACC0-4CC451B7AF96}" type="presOf" srcId="{C0832EA5-3B47-443C-B4AC-5A47059564C0}" destId="{F4B1DF11-64A1-4451-81C1-340CC109102B}" srcOrd="0" destOrd="0" presId="urn:microsoft.com/office/officeart/2005/8/layout/vList5"/>
    <dgm:cxn modelId="{E26284A5-7CA4-43FB-81C4-E14528F08578}" srcId="{F4B1FFB0-361E-4350-99FE-BDF897BEAE1C}" destId="{056C6001-C08D-4483-842E-9989B999C4B6}" srcOrd="0" destOrd="0" parTransId="{CBA28741-DDF4-40B9-8550-9F6864FBB346}" sibTransId="{F8F7301E-D67F-4798-AFB3-90A5125C2780}"/>
    <dgm:cxn modelId="{AB16C1AF-0E05-445A-8381-D192FB529331}" type="presOf" srcId="{F4B1FFB0-361E-4350-99FE-BDF897BEAE1C}" destId="{693E9148-6356-4513-AF8C-4795A79DDBF9}" srcOrd="0" destOrd="0" presId="urn:microsoft.com/office/officeart/2005/8/layout/vList5"/>
    <dgm:cxn modelId="{71054EB0-996C-47A7-B8FC-9371F788B3FD}" type="presOf" srcId="{9377BFDE-AC62-43FD-BEEA-CE2D1BACE07D}" destId="{341648F1-AE18-44BF-8265-C311B42C6C37}" srcOrd="0" destOrd="0" presId="urn:microsoft.com/office/officeart/2005/8/layout/vList5"/>
    <dgm:cxn modelId="{E6B63FB5-5B5B-4A98-B3EF-D60A5D547B4F}" srcId="{056C6001-C08D-4483-842E-9989B999C4B6}" destId="{CBD550BB-8E7C-4DCD-9D89-FF466D6B0374}" srcOrd="1" destOrd="0" parTransId="{4C7C2095-4582-45D9-B65A-17843BABDB6F}" sibTransId="{040017F5-618B-4C53-A150-13903CBAA9E5}"/>
    <dgm:cxn modelId="{2E11D7C3-3715-41A4-B836-6636CA1E0692}" srcId="{F4B1FFB0-361E-4350-99FE-BDF897BEAE1C}" destId="{C0832EA5-3B47-443C-B4AC-5A47059564C0}" srcOrd="1" destOrd="0" parTransId="{13526A41-0159-40D2-B355-0F22F395E127}" sibTransId="{9E1D6B77-AE4B-4B2E-8BCA-C03EA1DAE293}"/>
    <dgm:cxn modelId="{5C9026D0-8433-453D-B536-68BA25D5D2F4}" srcId="{C0832EA5-3B47-443C-B4AC-5A47059564C0}" destId="{24DCFF02-3A39-424C-A8E6-53AFDD0F508D}" srcOrd="2" destOrd="0" parTransId="{DAEDD859-945D-4715-9819-8C752B6CB299}" sibTransId="{480EB6D1-87A2-429A-ABC9-58CEA3B082CB}"/>
    <dgm:cxn modelId="{1101D9D3-7B9A-4417-9EDB-870A5495026E}" srcId="{C0832EA5-3B47-443C-B4AC-5A47059564C0}" destId="{68207D28-C0C0-4CC5-AB37-0FFD29FFB87D}" srcOrd="1" destOrd="0" parTransId="{FAD20DD4-72F1-4B49-A85B-2A9B58BAF482}" sibTransId="{D7BB90A1-D44A-46A0-B6BA-24A1494CE2F8}"/>
    <dgm:cxn modelId="{C89071F4-503F-44A9-B459-E55F0B7A8DEA}" type="presOf" srcId="{24DCFF02-3A39-424C-A8E6-53AFDD0F508D}" destId="{341648F1-AE18-44BF-8265-C311B42C6C37}" srcOrd="0" destOrd="2" presId="urn:microsoft.com/office/officeart/2005/8/layout/vList5"/>
    <dgm:cxn modelId="{DB460CFB-6EF5-46FD-A09B-48B6234D365E}" srcId="{056C6001-C08D-4483-842E-9989B999C4B6}" destId="{6C6204BF-0AA4-4EED-B695-AD119FFC393F}" srcOrd="2" destOrd="0" parTransId="{1AE8B3DA-C1DC-4E72-B0D7-4BDFCF4DF35F}" sibTransId="{A4E256B4-FA08-4FA8-9A73-E8D609C8E096}"/>
    <dgm:cxn modelId="{C80CACA1-1911-4D42-BD26-7E282B5075D1}" type="presParOf" srcId="{693E9148-6356-4513-AF8C-4795A79DDBF9}" destId="{4D8DA14E-3056-40E1-9C0C-936877D641D4}" srcOrd="0" destOrd="0" presId="urn:microsoft.com/office/officeart/2005/8/layout/vList5"/>
    <dgm:cxn modelId="{996FD818-E3E6-47AE-ADC0-B04A749D83DB}" type="presParOf" srcId="{4D8DA14E-3056-40E1-9C0C-936877D641D4}" destId="{A496A466-A949-41B4-9403-1F69EA6F03DF}" srcOrd="0" destOrd="0" presId="urn:microsoft.com/office/officeart/2005/8/layout/vList5"/>
    <dgm:cxn modelId="{8880AC63-4B57-4AF4-934E-174340D19A82}" type="presParOf" srcId="{4D8DA14E-3056-40E1-9C0C-936877D641D4}" destId="{E8117C2F-AE8A-4610-9F20-C55F41D7C591}" srcOrd="1" destOrd="0" presId="urn:microsoft.com/office/officeart/2005/8/layout/vList5"/>
    <dgm:cxn modelId="{1D74B76F-86EE-4275-A401-0EDB47C2DDF3}" type="presParOf" srcId="{693E9148-6356-4513-AF8C-4795A79DDBF9}" destId="{FB8297DE-CF94-46D8-95DF-895F7771F157}" srcOrd="1" destOrd="0" presId="urn:microsoft.com/office/officeart/2005/8/layout/vList5"/>
    <dgm:cxn modelId="{E8BBF940-315C-4C81-A515-64302136EB28}" type="presParOf" srcId="{693E9148-6356-4513-AF8C-4795A79DDBF9}" destId="{8C412609-F740-4E3D-80E9-9B4CED4B7062}" srcOrd="2" destOrd="0" presId="urn:microsoft.com/office/officeart/2005/8/layout/vList5"/>
    <dgm:cxn modelId="{94ED634D-09C5-4DDE-B5CC-8723533A3C7C}" type="presParOf" srcId="{8C412609-F740-4E3D-80E9-9B4CED4B7062}" destId="{F4B1DF11-64A1-4451-81C1-340CC109102B}" srcOrd="0" destOrd="0" presId="urn:microsoft.com/office/officeart/2005/8/layout/vList5"/>
    <dgm:cxn modelId="{F31B19D6-44E2-4795-A4BE-0C79B576F3F1}" type="presParOf" srcId="{8C412609-F740-4E3D-80E9-9B4CED4B7062}" destId="{341648F1-AE18-44BF-8265-C311B42C6C37}" srcOrd="1" destOrd="0" presId="urn:microsoft.com/office/officeart/2005/8/layout/vList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5.xml><?xml version="1.0" encoding="utf-8"?>
<dgm:dataModel xmlns:dgm="http://schemas.openxmlformats.org/drawingml/2006/diagram" xmlns:a="http://schemas.openxmlformats.org/drawingml/2006/main">
  <dgm:ptLst>
    <dgm:pt modelId="{C1EA7CD3-3D19-4D60-A868-C160A75641D1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</dgm:pt>
    <dgm:pt modelId="{62ECEBA9-C8AA-4201-ADEF-E064C123B2B3}">
      <dgm:prSet phldrT="[Text]" custT="1"/>
      <dgm:spPr/>
      <dgm:t>
        <a:bodyPr/>
        <a:lstStyle/>
        <a:p>
          <a:pPr algn="ctr"/>
          <a:r>
            <a:rPr lang="en-GB" sz="1800" b="1" i="0" dirty="0"/>
            <a:t>Generally well developed  from a hydrogen perspective</a:t>
          </a:r>
        </a:p>
      </dgm:t>
    </dgm:pt>
    <dgm:pt modelId="{A05C2ECA-E6A8-49B7-BBBA-68D057D8C22E}" type="par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3C5CF967-D605-47EB-ACC8-20F8665EBD12}" type="sib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E423E0C5-B685-4772-A5E3-A1A77E586DEB}">
      <dgm:prSet custT="1"/>
      <dgm:spPr/>
      <dgm:t>
        <a:bodyPr/>
        <a:lstStyle/>
        <a:p>
          <a:pPr algn="ctr"/>
          <a:r>
            <a:rPr lang="en-GB" sz="1800" b="1" i="0" dirty="0"/>
            <a:t>Hydrogen often regulated under existing legislation, same as other hazardous fluids</a:t>
          </a:r>
        </a:p>
      </dgm:t>
    </dgm:pt>
    <dgm:pt modelId="{CB6FDAC1-D41E-4046-9226-3CDCE0321E56}" type="parTrans" cxnId="{944D58CE-EAAA-4BB7-9811-9B918D312C9A}">
      <dgm:prSet/>
      <dgm:spPr/>
      <dgm:t>
        <a:bodyPr/>
        <a:lstStyle/>
        <a:p>
          <a:endParaRPr lang="en-GB" sz="1400" i="0"/>
        </a:p>
      </dgm:t>
    </dgm:pt>
    <dgm:pt modelId="{6677C339-9BB3-4CA9-A210-8FBA2B63A3DC}" type="sibTrans" cxnId="{944D58CE-EAAA-4BB7-9811-9B918D312C9A}">
      <dgm:prSet/>
      <dgm:spPr/>
      <dgm:t>
        <a:bodyPr/>
        <a:lstStyle/>
        <a:p>
          <a:endParaRPr lang="en-GB" sz="1400" i="0"/>
        </a:p>
      </dgm:t>
    </dgm:pt>
    <dgm:pt modelId="{CE896E6B-A2D0-4931-A519-243FF8E6AF6A}">
      <dgm:prSet phldrT="[Text]" custT="1"/>
      <dgm:spPr/>
      <dgm:t>
        <a:bodyPr/>
        <a:lstStyle/>
        <a:p>
          <a:pPr algn="ctr"/>
          <a:r>
            <a:rPr lang="en-GB" sz="1800" b="1" i="0"/>
            <a:t>Relatively </a:t>
          </a:r>
          <a:r>
            <a:rPr lang="en-GB" sz="1800" b="1" i="0" dirty="0"/>
            <a:t>few blockers to project development</a:t>
          </a:r>
        </a:p>
      </dgm:t>
    </dgm:pt>
    <dgm:pt modelId="{1A21497A-6319-470A-AC85-90A6ADEB0BBE}" type="parTrans" cxnId="{AAF95ABB-A6C1-4EE9-8B76-EFA21D6C3BBE}">
      <dgm:prSet/>
      <dgm:spPr/>
      <dgm:t>
        <a:bodyPr/>
        <a:lstStyle/>
        <a:p>
          <a:endParaRPr lang="en-GB" i="0"/>
        </a:p>
      </dgm:t>
    </dgm:pt>
    <dgm:pt modelId="{1D77656C-7109-49BF-A1F0-A680FB07757E}" type="sibTrans" cxnId="{AAF95ABB-A6C1-4EE9-8B76-EFA21D6C3BBE}">
      <dgm:prSet/>
      <dgm:spPr/>
      <dgm:t>
        <a:bodyPr/>
        <a:lstStyle/>
        <a:p>
          <a:endParaRPr lang="en-GB" i="0"/>
        </a:p>
      </dgm:t>
    </dgm:pt>
    <dgm:pt modelId="{6300E0B6-6F90-4F5A-BB4A-60114E5CB674}">
      <dgm:prSet custT="1"/>
      <dgm:spPr/>
      <dgm:t>
        <a:bodyPr/>
        <a:lstStyle/>
        <a:p>
          <a:pPr algn="ctr"/>
          <a:r>
            <a:rPr lang="en-GB" sz="1800" b="1" i="1" dirty="0">
              <a:solidFill>
                <a:schemeClr val="bg1"/>
              </a:solidFill>
            </a:rPr>
            <a:t>However, some key issues identified:</a:t>
          </a:r>
        </a:p>
      </dgm:t>
    </dgm:pt>
    <dgm:pt modelId="{5755C20D-68A8-4249-8291-F9A991E466E2}" type="sibTrans" cxnId="{FB3C0AEF-B9C1-4709-AD43-77364AD5FD0C}">
      <dgm:prSet/>
      <dgm:spPr/>
      <dgm:t>
        <a:bodyPr/>
        <a:lstStyle/>
        <a:p>
          <a:endParaRPr lang="en-GB" i="0"/>
        </a:p>
      </dgm:t>
    </dgm:pt>
    <dgm:pt modelId="{E44B5DB1-E5F6-4965-A28D-1EBC554DBE42}" type="parTrans" cxnId="{FB3C0AEF-B9C1-4709-AD43-77364AD5FD0C}">
      <dgm:prSet/>
      <dgm:spPr/>
      <dgm:t>
        <a:bodyPr/>
        <a:lstStyle/>
        <a:p>
          <a:endParaRPr lang="en-GB" i="0"/>
        </a:p>
      </dgm:t>
    </dgm:pt>
    <dgm:pt modelId="{F8484811-FBD3-477E-8E58-B794597FB85F}" type="pres">
      <dgm:prSet presAssocID="{C1EA7CD3-3D19-4D60-A868-C160A75641D1}" presName="linear" presStyleCnt="0">
        <dgm:presLayoutVars>
          <dgm:animLvl val="lvl"/>
          <dgm:resizeHandles val="exact"/>
        </dgm:presLayoutVars>
      </dgm:prSet>
      <dgm:spPr/>
    </dgm:pt>
    <dgm:pt modelId="{EC18502F-5C9D-42E1-AFF7-974CC40ECC25}" type="pres">
      <dgm:prSet presAssocID="{62ECEBA9-C8AA-4201-ADEF-E064C123B2B3}" presName="parentText" presStyleLbl="node1" presStyleIdx="0" presStyleCnt="4">
        <dgm:presLayoutVars>
          <dgm:chMax val="0"/>
          <dgm:bulletEnabled val="1"/>
        </dgm:presLayoutVars>
      </dgm:prSet>
      <dgm:spPr/>
    </dgm:pt>
    <dgm:pt modelId="{B935F1D2-D0B3-4DF4-936E-6C2EDF2A42CC}" type="pres">
      <dgm:prSet presAssocID="{3C5CF967-D605-47EB-ACC8-20F8665EBD12}" presName="spacer" presStyleCnt="0"/>
      <dgm:spPr/>
    </dgm:pt>
    <dgm:pt modelId="{E40EA60C-9E74-49FC-B277-C7CBD965AAFD}" type="pres">
      <dgm:prSet presAssocID="{CE896E6B-A2D0-4931-A519-243FF8E6AF6A}" presName="parentText" presStyleLbl="node1" presStyleIdx="1" presStyleCnt="4">
        <dgm:presLayoutVars>
          <dgm:chMax val="0"/>
          <dgm:bulletEnabled val="1"/>
        </dgm:presLayoutVars>
      </dgm:prSet>
      <dgm:spPr/>
    </dgm:pt>
    <dgm:pt modelId="{4F59D7F6-738B-4BCA-9592-15854E2A8AE8}" type="pres">
      <dgm:prSet presAssocID="{1D77656C-7109-49BF-A1F0-A680FB07757E}" presName="spacer" presStyleCnt="0"/>
      <dgm:spPr/>
    </dgm:pt>
    <dgm:pt modelId="{6ADBD5F0-F432-467F-82CA-17909593EAA5}" type="pres">
      <dgm:prSet presAssocID="{E423E0C5-B685-4772-A5E3-A1A77E586DEB}" presName="parentText" presStyleLbl="node1" presStyleIdx="2" presStyleCnt="4">
        <dgm:presLayoutVars>
          <dgm:chMax val="0"/>
          <dgm:bulletEnabled val="1"/>
        </dgm:presLayoutVars>
      </dgm:prSet>
      <dgm:spPr/>
    </dgm:pt>
    <dgm:pt modelId="{B7BC009C-E723-4DC5-A7DC-E153E3348C23}" type="pres">
      <dgm:prSet presAssocID="{6677C339-9BB3-4CA9-A210-8FBA2B63A3DC}" presName="spacer" presStyleCnt="0"/>
      <dgm:spPr/>
    </dgm:pt>
    <dgm:pt modelId="{5A59DB33-4B9A-4115-8107-43E88C752FC9}" type="pres">
      <dgm:prSet presAssocID="{6300E0B6-6F90-4F5A-BB4A-60114E5CB674}" presName="parentText" presStyleLbl="node1" presStyleIdx="3" presStyleCnt="4">
        <dgm:presLayoutVars>
          <dgm:chMax val="0"/>
          <dgm:bulletEnabled val="1"/>
        </dgm:presLayoutVars>
      </dgm:prSet>
      <dgm:spPr/>
    </dgm:pt>
  </dgm:ptLst>
  <dgm:cxnLst>
    <dgm:cxn modelId="{87813301-BD3B-4173-8EF2-C7B50112D0A3}" type="presOf" srcId="{6300E0B6-6F90-4F5A-BB4A-60114E5CB674}" destId="{5A59DB33-4B9A-4115-8107-43E88C752FC9}" srcOrd="0" destOrd="0" presId="urn:microsoft.com/office/officeart/2005/8/layout/vList2"/>
    <dgm:cxn modelId="{AFF64C19-454B-4914-9D03-AD954210D5C4}" type="presOf" srcId="{CE896E6B-A2D0-4931-A519-243FF8E6AF6A}" destId="{E40EA60C-9E74-49FC-B277-C7CBD965AAFD}" srcOrd="0" destOrd="0" presId="urn:microsoft.com/office/officeart/2005/8/layout/vList2"/>
    <dgm:cxn modelId="{69909799-64AF-4449-A26D-19DC4D67DB26}" type="presOf" srcId="{C1EA7CD3-3D19-4D60-A868-C160A75641D1}" destId="{F8484811-FBD3-477E-8E58-B794597FB85F}" srcOrd="0" destOrd="0" presId="urn:microsoft.com/office/officeart/2005/8/layout/vList2"/>
    <dgm:cxn modelId="{EFAA66A3-87BD-4EEE-96BA-E11D4C3EFF85}" type="presOf" srcId="{E423E0C5-B685-4772-A5E3-A1A77E586DEB}" destId="{6ADBD5F0-F432-467F-82CA-17909593EAA5}" srcOrd="0" destOrd="0" presId="urn:microsoft.com/office/officeart/2005/8/layout/vList2"/>
    <dgm:cxn modelId="{76466DB2-5C4E-4843-B77A-67E415E9A546}" srcId="{C1EA7CD3-3D19-4D60-A868-C160A75641D1}" destId="{62ECEBA9-C8AA-4201-ADEF-E064C123B2B3}" srcOrd="0" destOrd="0" parTransId="{A05C2ECA-E6A8-49B7-BBBA-68D057D8C22E}" sibTransId="{3C5CF967-D605-47EB-ACC8-20F8665EBD12}"/>
    <dgm:cxn modelId="{AAF95ABB-A6C1-4EE9-8B76-EFA21D6C3BBE}" srcId="{C1EA7CD3-3D19-4D60-A868-C160A75641D1}" destId="{CE896E6B-A2D0-4931-A519-243FF8E6AF6A}" srcOrd="1" destOrd="0" parTransId="{1A21497A-6319-470A-AC85-90A6ADEB0BBE}" sibTransId="{1D77656C-7109-49BF-A1F0-A680FB07757E}"/>
    <dgm:cxn modelId="{944D58CE-EAAA-4BB7-9811-9B918D312C9A}" srcId="{C1EA7CD3-3D19-4D60-A868-C160A75641D1}" destId="{E423E0C5-B685-4772-A5E3-A1A77E586DEB}" srcOrd="2" destOrd="0" parTransId="{CB6FDAC1-D41E-4046-9226-3CDCE0321E56}" sibTransId="{6677C339-9BB3-4CA9-A210-8FBA2B63A3DC}"/>
    <dgm:cxn modelId="{D0DC63E5-8C7C-4BC9-A487-6EC347F5821A}" type="presOf" srcId="{62ECEBA9-C8AA-4201-ADEF-E064C123B2B3}" destId="{EC18502F-5C9D-42E1-AFF7-974CC40ECC25}" srcOrd="0" destOrd="0" presId="urn:microsoft.com/office/officeart/2005/8/layout/vList2"/>
    <dgm:cxn modelId="{FB3C0AEF-B9C1-4709-AD43-77364AD5FD0C}" srcId="{C1EA7CD3-3D19-4D60-A868-C160A75641D1}" destId="{6300E0B6-6F90-4F5A-BB4A-60114E5CB674}" srcOrd="3" destOrd="0" parTransId="{E44B5DB1-E5F6-4965-A28D-1EBC554DBE42}" sibTransId="{5755C20D-68A8-4249-8291-F9A991E466E2}"/>
    <dgm:cxn modelId="{F8FF6853-8A84-445D-8FEE-8734870DD184}" type="presParOf" srcId="{F8484811-FBD3-477E-8E58-B794597FB85F}" destId="{EC18502F-5C9D-42E1-AFF7-974CC40ECC25}" srcOrd="0" destOrd="0" presId="urn:microsoft.com/office/officeart/2005/8/layout/vList2"/>
    <dgm:cxn modelId="{C3B7A81A-B924-4988-85B0-5F82CB20FD02}" type="presParOf" srcId="{F8484811-FBD3-477E-8E58-B794597FB85F}" destId="{B935F1D2-D0B3-4DF4-936E-6C2EDF2A42CC}" srcOrd="1" destOrd="0" presId="urn:microsoft.com/office/officeart/2005/8/layout/vList2"/>
    <dgm:cxn modelId="{9A74406E-DF96-4E6C-84EF-1F1B70BF7573}" type="presParOf" srcId="{F8484811-FBD3-477E-8E58-B794597FB85F}" destId="{E40EA60C-9E74-49FC-B277-C7CBD965AAFD}" srcOrd="2" destOrd="0" presId="urn:microsoft.com/office/officeart/2005/8/layout/vList2"/>
    <dgm:cxn modelId="{7248A0BA-EF83-494D-941E-9304CD342F11}" type="presParOf" srcId="{F8484811-FBD3-477E-8E58-B794597FB85F}" destId="{4F59D7F6-738B-4BCA-9592-15854E2A8AE8}" srcOrd="3" destOrd="0" presId="urn:microsoft.com/office/officeart/2005/8/layout/vList2"/>
    <dgm:cxn modelId="{9943552D-5ED1-45C9-A5BD-F03B115DDB13}" type="presParOf" srcId="{F8484811-FBD3-477E-8E58-B794597FB85F}" destId="{6ADBD5F0-F432-467F-82CA-17909593EAA5}" srcOrd="4" destOrd="0" presId="urn:microsoft.com/office/officeart/2005/8/layout/vList2"/>
    <dgm:cxn modelId="{09045439-A1D1-40CA-BB8B-33A8594AB965}" type="presParOf" srcId="{F8484811-FBD3-477E-8E58-B794597FB85F}" destId="{B7BC009C-E723-4DC5-A7DC-E153E3348C23}" srcOrd="5" destOrd="0" presId="urn:microsoft.com/office/officeart/2005/8/layout/vList2"/>
    <dgm:cxn modelId="{39861500-D509-4FFB-8BD5-11B530C68661}" type="presParOf" srcId="{F8484811-FBD3-477E-8E58-B794597FB85F}" destId="{5A59DB33-4B9A-4115-8107-43E88C752FC9}" srcOrd="6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16.xml><?xml version="1.0" encoding="utf-8"?>
<dgm:dataModel xmlns:dgm="http://schemas.openxmlformats.org/drawingml/2006/diagram" xmlns:a="http://schemas.openxmlformats.org/drawingml/2006/main">
  <dgm:ptLst>
    <dgm:pt modelId="{7C7F0398-6FF6-4F9A-8F42-85F8AFF90217}" type="doc">
      <dgm:prSet loTypeId="urn:microsoft.com/office/officeart/2005/8/layout/default" loCatId="list" qsTypeId="urn:microsoft.com/office/officeart/2005/8/quickstyle/simple1" qsCatId="simple" csTypeId="urn:microsoft.com/office/officeart/2005/8/colors/accent1_1" csCatId="accent1" phldr="1"/>
      <dgm:spPr/>
      <dgm:t>
        <a:bodyPr/>
        <a:lstStyle/>
        <a:p>
          <a:endParaRPr lang="en-GB"/>
        </a:p>
      </dgm:t>
    </dgm:pt>
    <dgm:pt modelId="{CF563B81-0833-44FD-8FFC-EC3C30D2A226}">
      <dgm:prSet phldrT="[Text]"/>
      <dgm:spPr/>
      <dgm:t>
        <a:bodyPr/>
        <a:lstStyle/>
        <a:p>
          <a:r>
            <a:rPr lang="en-GB" dirty="0">
              <a:solidFill>
                <a:schemeClr val="tx1"/>
              </a:solidFill>
            </a:rPr>
            <a:t>Application of the OSC Regulations to hydrogen</a:t>
          </a:r>
        </a:p>
      </dgm:t>
    </dgm:pt>
    <dgm:pt modelId="{F063159D-F361-46A1-A194-93297D9DFCF8}" type="par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F5CBFC5B-0E88-4032-8AC8-C3E5081E9EB5}" type="sib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CB2848FC-B8E0-43B0-9AE5-A366B897AE5F}">
      <dgm:prSet/>
      <dgm:spPr/>
      <dgm:t>
        <a:bodyPr/>
        <a:lstStyle/>
        <a:p>
          <a:r>
            <a:rPr lang="en-GB" dirty="0">
              <a:solidFill>
                <a:schemeClr val="tx1"/>
              </a:solidFill>
            </a:rPr>
            <a:t>GSMR Regulations require an exemption for blending (&gt;0.1%)</a:t>
          </a:r>
        </a:p>
      </dgm:t>
    </dgm:pt>
    <dgm:pt modelId="{0BBC0A42-E709-48F6-803E-CDA005D5982F}" type="par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3EDD3C53-49ED-4D80-8950-50BC3E42DFCA}" type="sib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5234A617-F543-4767-A2EE-711D1201453F}">
      <dgm:prSet/>
      <dgm:spPr/>
      <dgm:t>
        <a:bodyPr/>
        <a:lstStyle/>
        <a:p>
          <a:r>
            <a:rPr lang="en-GB" dirty="0">
              <a:solidFill>
                <a:schemeClr val="tx1"/>
              </a:solidFill>
            </a:rPr>
            <a:t>GSMR Regulations only applicable when conveying “predominantly methane”</a:t>
          </a:r>
        </a:p>
      </dgm:t>
    </dgm:pt>
    <dgm:pt modelId="{BD50D83A-C77D-4CAE-8C8E-689706490222}" type="par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4BAB9E75-F8B6-4146-A6F7-000B2494113D}" type="sib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488A7B76-9030-4778-AE01-281D70265D13}" type="pres">
      <dgm:prSet presAssocID="{7C7F0398-6FF6-4F9A-8F42-85F8AFF90217}" presName="diagram" presStyleCnt="0">
        <dgm:presLayoutVars>
          <dgm:dir/>
          <dgm:resizeHandles val="exact"/>
        </dgm:presLayoutVars>
      </dgm:prSet>
      <dgm:spPr/>
    </dgm:pt>
    <dgm:pt modelId="{53CB290C-E0C9-4CCF-A354-3CBB6B70D3CD}" type="pres">
      <dgm:prSet presAssocID="{CF563B81-0833-44FD-8FFC-EC3C30D2A226}" presName="node" presStyleLbl="node1" presStyleIdx="0" presStyleCnt="3" custScaleX="215883">
        <dgm:presLayoutVars>
          <dgm:bulletEnabled val="1"/>
        </dgm:presLayoutVars>
      </dgm:prSet>
      <dgm:spPr/>
    </dgm:pt>
    <dgm:pt modelId="{7E602016-8D63-4615-B88E-CD2FFF1F0C9E}" type="pres">
      <dgm:prSet presAssocID="{F5CBFC5B-0E88-4032-8AC8-C3E5081E9EB5}" presName="sibTrans" presStyleCnt="0"/>
      <dgm:spPr/>
    </dgm:pt>
    <dgm:pt modelId="{0F0C51E8-9F2B-49B9-B450-0152D446495C}" type="pres">
      <dgm:prSet presAssocID="{CB2848FC-B8E0-43B0-9AE5-A366B897AE5F}" presName="node" presStyleLbl="node1" presStyleIdx="1" presStyleCnt="3" custScaleX="215883">
        <dgm:presLayoutVars>
          <dgm:bulletEnabled val="1"/>
        </dgm:presLayoutVars>
      </dgm:prSet>
      <dgm:spPr/>
    </dgm:pt>
    <dgm:pt modelId="{22CB7C33-5E02-42D5-A3CE-19675D78D78F}" type="pres">
      <dgm:prSet presAssocID="{3EDD3C53-49ED-4D80-8950-50BC3E42DFCA}" presName="sibTrans" presStyleCnt="0"/>
      <dgm:spPr/>
    </dgm:pt>
    <dgm:pt modelId="{0F6EB8E9-DB48-47EC-AAFC-1768E09C0394}" type="pres">
      <dgm:prSet presAssocID="{5234A617-F543-4767-A2EE-711D1201453F}" presName="node" presStyleLbl="node1" presStyleIdx="2" presStyleCnt="3" custScaleX="215883">
        <dgm:presLayoutVars>
          <dgm:bulletEnabled val="1"/>
        </dgm:presLayoutVars>
      </dgm:prSet>
      <dgm:spPr/>
    </dgm:pt>
  </dgm:ptLst>
  <dgm:cxnLst>
    <dgm:cxn modelId="{59528210-7CC7-4816-893C-8F45CDB91108}" type="presOf" srcId="{CF563B81-0833-44FD-8FFC-EC3C30D2A226}" destId="{53CB290C-E0C9-4CCF-A354-3CBB6B70D3CD}" srcOrd="0" destOrd="0" presId="urn:microsoft.com/office/officeart/2005/8/layout/default"/>
    <dgm:cxn modelId="{93B7301E-FA8B-4A79-BD28-9B80291D47BC}" srcId="{7C7F0398-6FF6-4F9A-8F42-85F8AFF90217}" destId="{CF563B81-0833-44FD-8FFC-EC3C30D2A226}" srcOrd="0" destOrd="0" parTransId="{F063159D-F361-46A1-A194-93297D9DFCF8}" sibTransId="{F5CBFC5B-0E88-4032-8AC8-C3E5081E9EB5}"/>
    <dgm:cxn modelId="{A4412928-85F3-4BD1-85A6-9D8EA3D8D01D}" type="presOf" srcId="{CB2848FC-B8E0-43B0-9AE5-A366B897AE5F}" destId="{0F0C51E8-9F2B-49B9-B450-0152D446495C}" srcOrd="0" destOrd="0" presId="urn:microsoft.com/office/officeart/2005/8/layout/default"/>
    <dgm:cxn modelId="{BE3F722C-B0C9-47EE-9D71-1BD4A6F3F80B}" srcId="{7C7F0398-6FF6-4F9A-8F42-85F8AFF90217}" destId="{CB2848FC-B8E0-43B0-9AE5-A366B897AE5F}" srcOrd="1" destOrd="0" parTransId="{0BBC0A42-E709-48F6-803E-CDA005D5982F}" sibTransId="{3EDD3C53-49ED-4D80-8950-50BC3E42DFCA}"/>
    <dgm:cxn modelId="{1E3DD255-D3AF-4434-B1E1-11C3CD6BEC5E}" type="presOf" srcId="{7C7F0398-6FF6-4F9A-8F42-85F8AFF90217}" destId="{488A7B76-9030-4778-AE01-281D70265D13}" srcOrd="0" destOrd="0" presId="urn:microsoft.com/office/officeart/2005/8/layout/default"/>
    <dgm:cxn modelId="{62D52887-C9A4-4BFF-A10D-D5592FD3F888}" type="presOf" srcId="{5234A617-F543-4767-A2EE-711D1201453F}" destId="{0F6EB8E9-DB48-47EC-AAFC-1768E09C0394}" srcOrd="0" destOrd="0" presId="urn:microsoft.com/office/officeart/2005/8/layout/default"/>
    <dgm:cxn modelId="{FB0FACAF-9EE5-4173-BA93-C1B5A1E79B2D}" srcId="{7C7F0398-6FF6-4F9A-8F42-85F8AFF90217}" destId="{5234A617-F543-4767-A2EE-711D1201453F}" srcOrd="2" destOrd="0" parTransId="{BD50D83A-C77D-4CAE-8C8E-689706490222}" sibTransId="{4BAB9E75-F8B6-4146-A6F7-000B2494113D}"/>
    <dgm:cxn modelId="{AA28525F-08D2-4CEC-B3E3-62D954522F77}" type="presParOf" srcId="{488A7B76-9030-4778-AE01-281D70265D13}" destId="{53CB290C-E0C9-4CCF-A354-3CBB6B70D3CD}" srcOrd="0" destOrd="0" presId="urn:microsoft.com/office/officeart/2005/8/layout/default"/>
    <dgm:cxn modelId="{174F0CCB-FE8F-40DF-851F-37475C8C4AB8}" type="presParOf" srcId="{488A7B76-9030-4778-AE01-281D70265D13}" destId="{7E602016-8D63-4615-B88E-CD2FFF1F0C9E}" srcOrd="1" destOrd="0" presId="urn:microsoft.com/office/officeart/2005/8/layout/default"/>
    <dgm:cxn modelId="{B83FDC25-B12F-45CA-BD9E-8AF9AF7C6D43}" type="presParOf" srcId="{488A7B76-9030-4778-AE01-281D70265D13}" destId="{0F0C51E8-9F2B-49B9-B450-0152D446495C}" srcOrd="2" destOrd="0" presId="urn:microsoft.com/office/officeart/2005/8/layout/default"/>
    <dgm:cxn modelId="{AC3F17D5-E212-4742-8A9D-14C42A1C3781}" type="presParOf" srcId="{488A7B76-9030-4778-AE01-281D70265D13}" destId="{22CB7C33-5E02-42D5-A3CE-19675D78D78F}" srcOrd="3" destOrd="0" presId="urn:microsoft.com/office/officeart/2005/8/layout/default"/>
    <dgm:cxn modelId="{FB58F9D7-3698-4E96-8886-FC67D199648D}" type="presParOf" srcId="{488A7B76-9030-4778-AE01-281D70265D13}" destId="{0F6EB8E9-DB48-47EC-AAFC-1768E09C0394}" srcOrd="4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A9F0749E-AF25-4758-AE59-BD20AA2032C5}" type="doc">
      <dgm:prSet loTypeId="urn:microsoft.com/office/officeart/2005/8/layout/vList3" loCatId="list" qsTypeId="urn:microsoft.com/office/officeart/2005/8/quickstyle/simple1" qsCatId="simple" csTypeId="urn:microsoft.com/office/officeart/2005/8/colors/accent1_2" csCatId="accent1" phldr="1"/>
      <dgm:spPr/>
    </dgm:pt>
    <dgm:pt modelId="{E59CF3C4-11EB-4159-BDCA-5FAFBDBD6099}">
      <dgm:prSet phldrT="[Text]" custT="1"/>
      <dgm:spPr/>
      <dgm:t>
        <a:bodyPr/>
        <a:lstStyle/>
        <a:p>
          <a:r>
            <a:rPr lang="en-GB" sz="3600" dirty="0"/>
            <a:t>Sean Baker</a:t>
          </a:r>
          <a:r>
            <a:rPr lang="en-GB" sz="4000" dirty="0"/>
            <a:t> </a:t>
          </a:r>
        </a:p>
        <a:p>
          <a:r>
            <a:rPr lang="en-GB" sz="2800" dirty="0"/>
            <a:t>Principal Consultant, ERM London</a:t>
          </a:r>
        </a:p>
      </dgm:t>
    </dgm:pt>
    <dgm:pt modelId="{6E519D62-912C-4375-8B67-69388A6D2FA9}" type="parTrans" cxnId="{843AA320-9D1E-43AD-8257-98A3FFC4D053}">
      <dgm:prSet/>
      <dgm:spPr/>
      <dgm:t>
        <a:bodyPr/>
        <a:lstStyle/>
        <a:p>
          <a:endParaRPr lang="en-GB"/>
        </a:p>
      </dgm:t>
    </dgm:pt>
    <dgm:pt modelId="{03E959AB-AD0B-4979-9229-8D98536DEB60}" type="sibTrans" cxnId="{843AA320-9D1E-43AD-8257-98A3FFC4D053}">
      <dgm:prSet/>
      <dgm:spPr/>
      <dgm:t>
        <a:bodyPr/>
        <a:lstStyle/>
        <a:p>
          <a:endParaRPr lang="en-GB"/>
        </a:p>
      </dgm:t>
    </dgm:pt>
    <dgm:pt modelId="{65DA0815-CDD3-4D06-9068-53342BCEBC17}">
      <dgm:prSet phldrT="[Text]" custT="1"/>
      <dgm:spPr/>
      <dgm:t>
        <a:bodyPr/>
        <a:lstStyle/>
        <a:p>
          <a:r>
            <a:rPr lang="en-GB" sz="3600" dirty="0"/>
            <a:t>Nikhil Hardy</a:t>
          </a:r>
        </a:p>
        <a:p>
          <a:r>
            <a:rPr lang="en-GB" sz="2800" dirty="0"/>
            <a:t>Managing Consultant, ERM Bristol</a:t>
          </a:r>
        </a:p>
      </dgm:t>
    </dgm:pt>
    <dgm:pt modelId="{4326CBD0-B1EF-4C8E-B03F-B38C1E488A1B}" type="parTrans" cxnId="{9D5D5680-BF10-48E7-A44F-D18142D40B27}">
      <dgm:prSet/>
      <dgm:spPr/>
      <dgm:t>
        <a:bodyPr/>
        <a:lstStyle/>
        <a:p>
          <a:endParaRPr lang="en-GB"/>
        </a:p>
      </dgm:t>
    </dgm:pt>
    <dgm:pt modelId="{B5628410-BE1E-4FCC-916D-81D0EDAD2501}" type="sibTrans" cxnId="{9D5D5680-BF10-48E7-A44F-D18142D40B27}">
      <dgm:prSet/>
      <dgm:spPr/>
      <dgm:t>
        <a:bodyPr/>
        <a:lstStyle/>
        <a:p>
          <a:endParaRPr lang="en-GB"/>
        </a:p>
      </dgm:t>
    </dgm:pt>
    <dgm:pt modelId="{93660578-BC6D-4F0E-8020-48D8663FB1E2}" type="pres">
      <dgm:prSet presAssocID="{A9F0749E-AF25-4758-AE59-BD20AA2032C5}" presName="linearFlow" presStyleCnt="0">
        <dgm:presLayoutVars>
          <dgm:dir/>
          <dgm:resizeHandles val="exact"/>
        </dgm:presLayoutVars>
      </dgm:prSet>
      <dgm:spPr/>
    </dgm:pt>
    <dgm:pt modelId="{A788186D-22C8-4565-B999-5E73A2F8A191}" type="pres">
      <dgm:prSet presAssocID="{E59CF3C4-11EB-4159-BDCA-5FAFBDBD6099}" presName="composite" presStyleCnt="0"/>
      <dgm:spPr/>
    </dgm:pt>
    <dgm:pt modelId="{0705D1DA-B9C4-4018-8721-6E44508E079C}" type="pres">
      <dgm:prSet presAssocID="{E59CF3C4-11EB-4159-BDCA-5FAFBDBD6099}" presName="imgShp" presStyleLbl="fgImgPlace1" presStyleIdx="0" presStyleCnt="2"/>
      <dgm:spPr>
        <a:blipFill>
          <a:blip xmlns:r="http://schemas.openxmlformats.org/officeDocument/2006/relationships" r:embed="rId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</dgm:spPr>
    </dgm:pt>
    <dgm:pt modelId="{4E5248CE-5F74-4C93-BB21-8FE8A03C6E12}" type="pres">
      <dgm:prSet presAssocID="{E59CF3C4-11EB-4159-BDCA-5FAFBDBD6099}" presName="txShp" presStyleLbl="node1" presStyleIdx="0" presStyleCnt="2" custScaleX="121106" custScaleY="85884" custLinFactNeighborX="28234" custLinFactNeighborY="1398">
        <dgm:presLayoutVars>
          <dgm:bulletEnabled val="1"/>
        </dgm:presLayoutVars>
      </dgm:prSet>
      <dgm:spPr/>
    </dgm:pt>
    <dgm:pt modelId="{865D329C-3F7C-4C73-9ECB-49F90FDE7E22}" type="pres">
      <dgm:prSet presAssocID="{03E959AB-AD0B-4979-9229-8D98536DEB60}" presName="spacing" presStyleCnt="0"/>
      <dgm:spPr/>
    </dgm:pt>
    <dgm:pt modelId="{2E13BF1F-CACC-4EC5-B6B3-92594E1DF21A}" type="pres">
      <dgm:prSet presAssocID="{65DA0815-CDD3-4D06-9068-53342BCEBC17}" presName="composite" presStyleCnt="0"/>
      <dgm:spPr/>
    </dgm:pt>
    <dgm:pt modelId="{C57169F9-0F41-4944-8A3D-480CDD26BC6F}" type="pres">
      <dgm:prSet presAssocID="{65DA0815-CDD3-4D06-9068-53342BCEBC17}" presName="imgShp" presStyleLbl="fgImgPlace1" presStyleIdx="1" presStyleCnt="2" custLinFactNeighborY="614"/>
      <dgm:spPr>
        <a:blipFill>
          <a:blip xmlns:r="http://schemas.openxmlformats.org/officeDocument/2006/relationships"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</dgm:spPr>
    </dgm:pt>
    <dgm:pt modelId="{89EB72CC-6142-4327-B3F4-FEA0A1EA1F38}" type="pres">
      <dgm:prSet presAssocID="{65DA0815-CDD3-4D06-9068-53342BCEBC17}" presName="txShp" presStyleLbl="node1" presStyleIdx="1" presStyleCnt="2" custScaleX="123756" custLinFactNeighborX="12396">
        <dgm:presLayoutVars>
          <dgm:bulletEnabled val="1"/>
        </dgm:presLayoutVars>
      </dgm:prSet>
      <dgm:spPr/>
    </dgm:pt>
  </dgm:ptLst>
  <dgm:cxnLst>
    <dgm:cxn modelId="{22090407-71B4-4D9F-8F10-AC47AD115E07}" type="presOf" srcId="{E59CF3C4-11EB-4159-BDCA-5FAFBDBD6099}" destId="{4E5248CE-5F74-4C93-BB21-8FE8A03C6E12}" srcOrd="0" destOrd="0" presId="urn:microsoft.com/office/officeart/2005/8/layout/vList3"/>
    <dgm:cxn modelId="{843AA320-9D1E-43AD-8257-98A3FFC4D053}" srcId="{A9F0749E-AF25-4758-AE59-BD20AA2032C5}" destId="{E59CF3C4-11EB-4159-BDCA-5FAFBDBD6099}" srcOrd="0" destOrd="0" parTransId="{6E519D62-912C-4375-8B67-69388A6D2FA9}" sibTransId="{03E959AB-AD0B-4979-9229-8D98536DEB60}"/>
    <dgm:cxn modelId="{F91FAD62-7498-4CCB-97A2-15143EE0F70B}" type="presOf" srcId="{65DA0815-CDD3-4D06-9068-53342BCEBC17}" destId="{89EB72CC-6142-4327-B3F4-FEA0A1EA1F38}" srcOrd="0" destOrd="0" presId="urn:microsoft.com/office/officeart/2005/8/layout/vList3"/>
    <dgm:cxn modelId="{9D5D5680-BF10-48E7-A44F-D18142D40B27}" srcId="{A9F0749E-AF25-4758-AE59-BD20AA2032C5}" destId="{65DA0815-CDD3-4D06-9068-53342BCEBC17}" srcOrd="1" destOrd="0" parTransId="{4326CBD0-B1EF-4C8E-B03F-B38C1E488A1B}" sibTransId="{B5628410-BE1E-4FCC-916D-81D0EDAD2501}"/>
    <dgm:cxn modelId="{5EFAD792-CC0F-423B-8512-D0F1FEB5D19F}" type="presOf" srcId="{A9F0749E-AF25-4758-AE59-BD20AA2032C5}" destId="{93660578-BC6D-4F0E-8020-48D8663FB1E2}" srcOrd="0" destOrd="0" presId="urn:microsoft.com/office/officeart/2005/8/layout/vList3"/>
    <dgm:cxn modelId="{BF4E88A2-3058-4290-8E28-ADA2650A8279}" type="presParOf" srcId="{93660578-BC6D-4F0E-8020-48D8663FB1E2}" destId="{A788186D-22C8-4565-B999-5E73A2F8A191}" srcOrd="0" destOrd="0" presId="urn:microsoft.com/office/officeart/2005/8/layout/vList3"/>
    <dgm:cxn modelId="{63969E5C-F6CA-494D-A530-66A19DA6E8FA}" type="presParOf" srcId="{A788186D-22C8-4565-B999-5E73A2F8A191}" destId="{0705D1DA-B9C4-4018-8721-6E44508E079C}" srcOrd="0" destOrd="0" presId="urn:microsoft.com/office/officeart/2005/8/layout/vList3"/>
    <dgm:cxn modelId="{95D81125-D3DB-4658-ABC8-26B9EE443645}" type="presParOf" srcId="{A788186D-22C8-4565-B999-5E73A2F8A191}" destId="{4E5248CE-5F74-4C93-BB21-8FE8A03C6E12}" srcOrd="1" destOrd="0" presId="urn:microsoft.com/office/officeart/2005/8/layout/vList3"/>
    <dgm:cxn modelId="{EEB1F60F-9DC8-4935-AF79-758C9FECAE2F}" type="presParOf" srcId="{93660578-BC6D-4F0E-8020-48D8663FB1E2}" destId="{865D329C-3F7C-4C73-9ECB-49F90FDE7E22}" srcOrd="1" destOrd="0" presId="urn:microsoft.com/office/officeart/2005/8/layout/vList3"/>
    <dgm:cxn modelId="{A4BB3465-A99F-40EC-A579-21F82E379611}" type="presParOf" srcId="{93660578-BC6D-4F0E-8020-48D8663FB1E2}" destId="{2E13BF1F-CACC-4EC5-B6B3-92594E1DF21A}" srcOrd="2" destOrd="0" presId="urn:microsoft.com/office/officeart/2005/8/layout/vList3"/>
    <dgm:cxn modelId="{B10F5F2C-F329-4C2B-A9D1-A994B4427EE3}" type="presParOf" srcId="{2E13BF1F-CACC-4EC5-B6B3-92594E1DF21A}" destId="{C57169F9-0F41-4944-8A3D-480CDD26BC6F}" srcOrd="0" destOrd="0" presId="urn:microsoft.com/office/officeart/2005/8/layout/vList3"/>
    <dgm:cxn modelId="{2F00CED0-4173-42B8-ABFB-1C2772A88737}" type="presParOf" srcId="{2E13BF1F-CACC-4EC5-B6B3-92594E1DF21A}" destId="{89EB72CC-6142-4327-B3F4-FEA0A1EA1F38}" srcOrd="1" destOrd="0" presId="urn:microsoft.com/office/officeart/2005/8/layout/vList3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1FE447B6-5C06-478C-9DEA-120F2598CD50}" type="doc">
      <dgm:prSet loTypeId="urn:microsoft.com/office/officeart/2008/layout/VerticalCurvedList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1E094A1A-208B-4A28-853E-2C499A0AB219}">
      <dgm:prSet phldrT="[Text]"/>
      <dgm:spPr/>
      <dgm:t>
        <a:bodyPr/>
        <a:lstStyle/>
        <a:p>
          <a:r>
            <a:rPr lang="en-GB" dirty="0"/>
            <a:t>Safety Case</a:t>
          </a:r>
        </a:p>
      </dgm:t>
    </dgm:pt>
    <dgm:pt modelId="{5066330E-B034-40FA-A76A-8F74B87B2B8C}" type="parTrans" cxnId="{078DF523-9AB1-423C-9C76-A2C0CCA81B0F}">
      <dgm:prSet/>
      <dgm:spPr/>
      <dgm:t>
        <a:bodyPr/>
        <a:lstStyle/>
        <a:p>
          <a:endParaRPr lang="en-GB"/>
        </a:p>
      </dgm:t>
    </dgm:pt>
    <dgm:pt modelId="{EF408EA0-1115-47BD-B5F2-56F70CE6A020}" type="sibTrans" cxnId="{078DF523-9AB1-423C-9C76-A2C0CCA81B0F}">
      <dgm:prSet/>
      <dgm:spPr/>
      <dgm:t>
        <a:bodyPr/>
        <a:lstStyle/>
        <a:p>
          <a:endParaRPr lang="en-GB"/>
        </a:p>
      </dgm:t>
    </dgm:pt>
    <dgm:pt modelId="{1D01A672-6A63-47B3-9323-E4E6E56C2E28}">
      <dgm:prSet phldrT="[Text]"/>
      <dgm:spPr/>
      <dgm:t>
        <a:bodyPr/>
        <a:lstStyle/>
        <a:p>
          <a:r>
            <a:rPr lang="en-GB" dirty="0"/>
            <a:t>Design and Asset Integrity</a:t>
          </a:r>
        </a:p>
      </dgm:t>
    </dgm:pt>
    <dgm:pt modelId="{92C741CD-3960-4BF8-ABD2-B8744BA74F86}" type="parTrans" cxnId="{1884DC76-19EB-4B81-B0FB-39AAECB0734F}">
      <dgm:prSet/>
      <dgm:spPr/>
      <dgm:t>
        <a:bodyPr/>
        <a:lstStyle/>
        <a:p>
          <a:endParaRPr lang="en-GB"/>
        </a:p>
      </dgm:t>
    </dgm:pt>
    <dgm:pt modelId="{433A2BE3-8E39-4DC4-98CB-F6F697FB74BC}" type="sibTrans" cxnId="{1884DC76-19EB-4B81-B0FB-39AAECB0734F}">
      <dgm:prSet/>
      <dgm:spPr/>
      <dgm:t>
        <a:bodyPr/>
        <a:lstStyle/>
        <a:p>
          <a:endParaRPr lang="en-GB"/>
        </a:p>
      </dgm:t>
    </dgm:pt>
    <dgm:pt modelId="{3DE8D40F-3F89-4228-8705-91CB480EC6AB}">
      <dgm:prSet phldrT="[Text]"/>
      <dgm:spPr/>
      <dgm:t>
        <a:bodyPr/>
        <a:lstStyle/>
        <a:p>
          <a:r>
            <a:rPr lang="en-GB" dirty="0"/>
            <a:t>Pipelines</a:t>
          </a:r>
        </a:p>
      </dgm:t>
    </dgm:pt>
    <dgm:pt modelId="{E7001C4B-3A8E-4354-9B9E-27C6C332E483}" type="parTrans" cxnId="{55A94787-D58F-4433-9EF4-C4AF1FE5D9B8}">
      <dgm:prSet/>
      <dgm:spPr/>
      <dgm:t>
        <a:bodyPr/>
        <a:lstStyle/>
        <a:p>
          <a:endParaRPr lang="en-GB"/>
        </a:p>
      </dgm:t>
    </dgm:pt>
    <dgm:pt modelId="{003EE2FD-DB87-4A9D-9629-CF5E120A4330}" type="sibTrans" cxnId="{55A94787-D58F-4433-9EF4-C4AF1FE5D9B8}">
      <dgm:prSet/>
      <dgm:spPr/>
      <dgm:t>
        <a:bodyPr/>
        <a:lstStyle/>
        <a:p>
          <a:endParaRPr lang="en-GB"/>
        </a:p>
      </dgm:t>
    </dgm:pt>
    <dgm:pt modelId="{5C9FA910-FA3B-4FF6-A282-F91B10EE18E7}">
      <dgm:prSet phldrT="[Text]"/>
      <dgm:spPr/>
      <dgm:t>
        <a:bodyPr/>
        <a:lstStyle/>
        <a:p>
          <a:r>
            <a:rPr lang="en-GB" dirty="0"/>
            <a:t>Transportation</a:t>
          </a:r>
        </a:p>
      </dgm:t>
    </dgm:pt>
    <dgm:pt modelId="{049ED8D9-5203-4FD1-81DD-41BD38857830}" type="parTrans" cxnId="{23F9CEB7-3217-4FE0-868F-CE48D9CDBB5E}">
      <dgm:prSet/>
      <dgm:spPr/>
      <dgm:t>
        <a:bodyPr/>
        <a:lstStyle/>
        <a:p>
          <a:endParaRPr lang="en-GB"/>
        </a:p>
      </dgm:t>
    </dgm:pt>
    <dgm:pt modelId="{6151776D-DF2E-4045-8BF1-B5E3D9C9FEBE}" type="sibTrans" cxnId="{23F9CEB7-3217-4FE0-868F-CE48D9CDBB5E}">
      <dgm:prSet/>
      <dgm:spPr/>
      <dgm:t>
        <a:bodyPr/>
        <a:lstStyle/>
        <a:p>
          <a:endParaRPr lang="en-GB"/>
        </a:p>
      </dgm:t>
    </dgm:pt>
    <dgm:pt modelId="{28BC31A4-07DA-4CCF-8F6C-0C0CAFD294CF}">
      <dgm:prSet phldrT="[Text]"/>
      <dgm:spPr/>
      <dgm:t>
        <a:bodyPr/>
        <a:lstStyle/>
        <a:p>
          <a:r>
            <a:rPr lang="en-GB" dirty="0"/>
            <a:t>Gas Safety</a:t>
          </a:r>
        </a:p>
      </dgm:t>
    </dgm:pt>
    <dgm:pt modelId="{9334DCDE-80A5-4F92-BE59-449AC17E68FB}" type="parTrans" cxnId="{B20E8F6D-110C-4A26-9788-E16B01A46DFC}">
      <dgm:prSet/>
      <dgm:spPr/>
      <dgm:t>
        <a:bodyPr/>
        <a:lstStyle/>
        <a:p>
          <a:endParaRPr lang="en-GB"/>
        </a:p>
      </dgm:t>
    </dgm:pt>
    <dgm:pt modelId="{2676066F-E704-4F70-AD77-EFEAE257D263}" type="sibTrans" cxnId="{B20E8F6D-110C-4A26-9788-E16B01A46DFC}">
      <dgm:prSet/>
      <dgm:spPr/>
      <dgm:t>
        <a:bodyPr/>
        <a:lstStyle/>
        <a:p>
          <a:endParaRPr lang="en-GB"/>
        </a:p>
      </dgm:t>
    </dgm:pt>
    <dgm:pt modelId="{B73B53FF-A912-4637-92E0-6516B356AAD1}">
      <dgm:prSet phldrT="[Text]"/>
      <dgm:spPr/>
      <dgm:t>
        <a:bodyPr/>
        <a:lstStyle/>
        <a:p>
          <a:r>
            <a:rPr lang="en-GB" dirty="0"/>
            <a:t>Emergency Response</a:t>
          </a:r>
        </a:p>
      </dgm:t>
    </dgm:pt>
    <dgm:pt modelId="{DF125A52-CDFF-4DB4-8D03-72E380088E0C}" type="parTrans" cxnId="{F46931F0-6F1A-4D3F-A450-929C4AE86C7B}">
      <dgm:prSet/>
      <dgm:spPr/>
      <dgm:t>
        <a:bodyPr/>
        <a:lstStyle/>
        <a:p>
          <a:endParaRPr lang="en-GB"/>
        </a:p>
      </dgm:t>
    </dgm:pt>
    <dgm:pt modelId="{CB6900DF-BFE1-4A33-9ED1-51ADE5575EED}" type="sibTrans" cxnId="{F46931F0-6F1A-4D3F-A450-929C4AE86C7B}">
      <dgm:prSet/>
      <dgm:spPr/>
      <dgm:t>
        <a:bodyPr/>
        <a:lstStyle/>
        <a:p>
          <a:endParaRPr lang="en-GB"/>
        </a:p>
      </dgm:t>
    </dgm:pt>
    <dgm:pt modelId="{52787C9F-0447-45B3-9308-840CE3CC1BB9}">
      <dgm:prSet phldrT="[Text]"/>
      <dgm:spPr/>
      <dgm:t>
        <a:bodyPr/>
        <a:lstStyle/>
        <a:p>
          <a:r>
            <a:rPr lang="en-GB" dirty="0"/>
            <a:t>Environmental Permitting</a:t>
          </a:r>
        </a:p>
      </dgm:t>
    </dgm:pt>
    <dgm:pt modelId="{9793D927-0DFC-4095-9EE1-C270F4693F2D}" type="parTrans" cxnId="{84D2DE40-3992-4E5F-B2D0-D0A17B60E951}">
      <dgm:prSet/>
      <dgm:spPr/>
      <dgm:t>
        <a:bodyPr/>
        <a:lstStyle/>
        <a:p>
          <a:endParaRPr lang="en-GB"/>
        </a:p>
      </dgm:t>
    </dgm:pt>
    <dgm:pt modelId="{39041ACC-D994-4202-AD69-3010BD2DD815}" type="sibTrans" cxnId="{84D2DE40-3992-4E5F-B2D0-D0A17B60E951}">
      <dgm:prSet/>
      <dgm:spPr/>
      <dgm:t>
        <a:bodyPr/>
        <a:lstStyle/>
        <a:p>
          <a:endParaRPr lang="en-GB"/>
        </a:p>
      </dgm:t>
    </dgm:pt>
    <dgm:pt modelId="{129D4C8A-7635-483B-ABC0-A81ADBDEF116}" type="pres">
      <dgm:prSet presAssocID="{1FE447B6-5C06-478C-9DEA-120F2598CD50}" presName="Name0" presStyleCnt="0">
        <dgm:presLayoutVars>
          <dgm:chMax val="7"/>
          <dgm:chPref val="7"/>
          <dgm:dir/>
        </dgm:presLayoutVars>
      </dgm:prSet>
      <dgm:spPr/>
    </dgm:pt>
    <dgm:pt modelId="{F53BBBD1-F8C0-4B6E-A17E-33912C652E1B}" type="pres">
      <dgm:prSet presAssocID="{1FE447B6-5C06-478C-9DEA-120F2598CD50}" presName="Name1" presStyleCnt="0"/>
      <dgm:spPr/>
    </dgm:pt>
    <dgm:pt modelId="{953FC2C0-3A42-4E56-9BC6-BF0D2705954F}" type="pres">
      <dgm:prSet presAssocID="{1FE447B6-5C06-478C-9DEA-120F2598CD50}" presName="cycle" presStyleCnt="0"/>
      <dgm:spPr/>
    </dgm:pt>
    <dgm:pt modelId="{EEEC8B6B-B489-4845-B401-B1DA1FA41082}" type="pres">
      <dgm:prSet presAssocID="{1FE447B6-5C06-478C-9DEA-120F2598CD50}" presName="srcNode" presStyleLbl="node1" presStyleIdx="0" presStyleCnt="7"/>
      <dgm:spPr/>
    </dgm:pt>
    <dgm:pt modelId="{6F9EE71E-C17A-42EA-B79B-8A84AE41B4FA}" type="pres">
      <dgm:prSet presAssocID="{1FE447B6-5C06-478C-9DEA-120F2598CD50}" presName="conn" presStyleLbl="parChTrans1D2" presStyleIdx="0" presStyleCnt="1"/>
      <dgm:spPr/>
    </dgm:pt>
    <dgm:pt modelId="{175335F9-12A8-40FC-A03D-A54727FBF06B}" type="pres">
      <dgm:prSet presAssocID="{1FE447B6-5C06-478C-9DEA-120F2598CD50}" presName="extraNode" presStyleLbl="node1" presStyleIdx="0" presStyleCnt="7"/>
      <dgm:spPr/>
    </dgm:pt>
    <dgm:pt modelId="{C4AAD714-7302-4830-9706-02271BE4B24F}" type="pres">
      <dgm:prSet presAssocID="{1FE447B6-5C06-478C-9DEA-120F2598CD50}" presName="dstNode" presStyleLbl="node1" presStyleIdx="0" presStyleCnt="7"/>
      <dgm:spPr/>
    </dgm:pt>
    <dgm:pt modelId="{6EF1A999-A4B4-4B68-A4E5-6A2A7684ECA1}" type="pres">
      <dgm:prSet presAssocID="{1E094A1A-208B-4A28-853E-2C499A0AB219}" presName="text_1" presStyleLbl="node1" presStyleIdx="0" presStyleCnt="7" custScaleX="92388">
        <dgm:presLayoutVars>
          <dgm:bulletEnabled val="1"/>
        </dgm:presLayoutVars>
      </dgm:prSet>
      <dgm:spPr/>
    </dgm:pt>
    <dgm:pt modelId="{D052A7AC-ED70-4615-883F-3C9C2971B9AD}" type="pres">
      <dgm:prSet presAssocID="{1E094A1A-208B-4A28-853E-2C499A0AB219}" presName="accent_1" presStyleCnt="0"/>
      <dgm:spPr/>
    </dgm:pt>
    <dgm:pt modelId="{642FE989-2D59-4BE6-80C5-7D63D00EF5EB}" type="pres">
      <dgm:prSet presAssocID="{1E094A1A-208B-4A28-853E-2C499A0AB219}" presName="accentRepeatNode" presStyleLbl="solidFgAcc1" presStyleIdx="0" presStyleCnt="7"/>
      <dgm:spPr>
        <a:blipFill rotWithShape="0"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</dgm:spPr>
    </dgm:pt>
    <dgm:pt modelId="{79293CA3-4237-4427-9140-4278B7B459D0}" type="pres">
      <dgm:prSet presAssocID="{1D01A672-6A63-47B3-9323-E4E6E56C2E28}" presName="text_2" presStyleLbl="node1" presStyleIdx="1" presStyleCnt="7" custScaleX="92810">
        <dgm:presLayoutVars>
          <dgm:bulletEnabled val="1"/>
        </dgm:presLayoutVars>
      </dgm:prSet>
      <dgm:spPr/>
    </dgm:pt>
    <dgm:pt modelId="{9A2846D5-FFB4-4C45-8EB7-40F352B54DAD}" type="pres">
      <dgm:prSet presAssocID="{1D01A672-6A63-47B3-9323-E4E6E56C2E28}" presName="accent_2" presStyleCnt="0"/>
      <dgm:spPr/>
    </dgm:pt>
    <dgm:pt modelId="{1ECA4439-826D-4BBD-A9F1-64EF20082366}" type="pres">
      <dgm:prSet presAssocID="{1D01A672-6A63-47B3-9323-E4E6E56C2E28}" presName="accentRepeatNode" presStyleLbl="solidFgAcc1" presStyleIdx="1" presStyleCnt="7"/>
      <dgm:spPr>
        <a:blipFill rotWithShape="0">
          <a:blip xmlns:r="http://schemas.openxmlformats.org/officeDocument/2006/relationships"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</dgm:spPr>
    </dgm:pt>
    <dgm:pt modelId="{E9156526-6445-42C9-95AC-F8AA794CF836}" type="pres">
      <dgm:prSet presAssocID="{3DE8D40F-3F89-4228-8705-91CB480EC6AB}" presName="text_3" presStyleLbl="node1" presStyleIdx="2" presStyleCnt="7" custScaleX="91114">
        <dgm:presLayoutVars>
          <dgm:bulletEnabled val="1"/>
        </dgm:presLayoutVars>
      </dgm:prSet>
      <dgm:spPr/>
    </dgm:pt>
    <dgm:pt modelId="{AA7702B1-8FCB-4D78-8547-D30621AAD458}" type="pres">
      <dgm:prSet presAssocID="{3DE8D40F-3F89-4228-8705-91CB480EC6AB}" presName="accent_3" presStyleCnt="0"/>
      <dgm:spPr/>
    </dgm:pt>
    <dgm:pt modelId="{E8A5C15E-E412-4F8A-88EB-F0FFD06C02EB}" type="pres">
      <dgm:prSet presAssocID="{3DE8D40F-3F89-4228-8705-91CB480EC6AB}" presName="accentRepeatNode" presStyleLbl="solidFgAcc1" presStyleIdx="2" presStyleCnt="7"/>
      <dgm:spPr>
        <a:blipFill rotWithShape="0">
          <a:blip xmlns:r="http://schemas.openxmlformats.org/officeDocument/2006/relationships"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</dgm:spPr>
    </dgm:pt>
    <dgm:pt modelId="{CF0FD799-9AB0-492E-91B4-8A8560898EC0}" type="pres">
      <dgm:prSet presAssocID="{5C9FA910-FA3B-4FF6-A282-F91B10EE18E7}" presName="text_4" presStyleLbl="node1" presStyleIdx="3" presStyleCnt="7" custScaleX="90809">
        <dgm:presLayoutVars>
          <dgm:bulletEnabled val="1"/>
        </dgm:presLayoutVars>
      </dgm:prSet>
      <dgm:spPr/>
    </dgm:pt>
    <dgm:pt modelId="{03680C2D-6621-40A7-8187-4D89542936A1}" type="pres">
      <dgm:prSet presAssocID="{5C9FA910-FA3B-4FF6-A282-F91B10EE18E7}" presName="accent_4" presStyleCnt="0"/>
      <dgm:spPr/>
    </dgm:pt>
    <dgm:pt modelId="{29AE5E4A-E864-44AA-BD26-A453F27AD1A0}" type="pres">
      <dgm:prSet presAssocID="{5C9FA910-FA3B-4FF6-A282-F91B10EE18E7}" presName="accentRepeatNode" presStyleLbl="solidFgAcc1" presStyleIdx="3" presStyleCnt="7"/>
      <dgm:spPr>
        <a:blipFill rotWithShape="0">
          <a:blip xmlns:r="http://schemas.openxmlformats.org/officeDocument/2006/relationships"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</dgm:spPr>
    </dgm:pt>
    <dgm:pt modelId="{BB123217-25AD-4AD2-8944-A54EB3D6A9EE}" type="pres">
      <dgm:prSet presAssocID="{28BC31A4-07DA-4CCF-8F6C-0C0CAFD294CF}" presName="text_5" presStyleLbl="node1" presStyleIdx="4" presStyleCnt="7" custScaleX="91524">
        <dgm:presLayoutVars>
          <dgm:bulletEnabled val="1"/>
        </dgm:presLayoutVars>
      </dgm:prSet>
      <dgm:spPr/>
    </dgm:pt>
    <dgm:pt modelId="{1D290613-A506-43C4-AA70-BE85CAF919C1}" type="pres">
      <dgm:prSet presAssocID="{28BC31A4-07DA-4CCF-8F6C-0C0CAFD294CF}" presName="accent_5" presStyleCnt="0"/>
      <dgm:spPr/>
    </dgm:pt>
    <dgm:pt modelId="{BD8A0BDF-CF65-4C33-82A7-D606CBA15850}" type="pres">
      <dgm:prSet presAssocID="{28BC31A4-07DA-4CCF-8F6C-0C0CAFD294CF}" presName="accentRepeatNode" presStyleLbl="solidFgAcc1" presStyleIdx="4" presStyleCnt="7"/>
      <dgm:spPr>
        <a:blipFill rotWithShape="0">
          <a:blip xmlns:r="http://schemas.openxmlformats.org/officeDocument/2006/relationships"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</dgm:spPr>
    </dgm:pt>
    <dgm:pt modelId="{F2B48F9B-0717-4A97-A0AC-C550CE75F43E}" type="pres">
      <dgm:prSet presAssocID="{B73B53FF-A912-4637-92E0-6516B356AAD1}" presName="text_6" presStyleLbl="node1" presStyleIdx="5" presStyleCnt="7" custScaleX="91316">
        <dgm:presLayoutVars>
          <dgm:bulletEnabled val="1"/>
        </dgm:presLayoutVars>
      </dgm:prSet>
      <dgm:spPr/>
    </dgm:pt>
    <dgm:pt modelId="{5FFD7063-107D-4EEF-A7BC-4B18A88EC9AC}" type="pres">
      <dgm:prSet presAssocID="{B73B53FF-A912-4637-92E0-6516B356AAD1}" presName="accent_6" presStyleCnt="0"/>
      <dgm:spPr/>
    </dgm:pt>
    <dgm:pt modelId="{0FD892FA-5FA4-48B4-98B9-D364FD7C23E7}" type="pres">
      <dgm:prSet presAssocID="{B73B53FF-A912-4637-92E0-6516B356AAD1}" presName="accentRepeatNode" presStyleLbl="solidFgAcc1" presStyleIdx="5" presStyleCnt="7"/>
      <dgm:spPr>
        <a:blipFill rotWithShape="0">
          <a:blip xmlns:r="http://schemas.openxmlformats.org/officeDocument/2006/relationships"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a:blipFill>
      </dgm:spPr>
    </dgm:pt>
    <dgm:pt modelId="{E7DBDD1F-BFF3-4748-BA42-46877B11D837}" type="pres">
      <dgm:prSet presAssocID="{52787C9F-0447-45B3-9308-840CE3CC1BB9}" presName="text_7" presStyleLbl="node1" presStyleIdx="6" presStyleCnt="7" custScaleX="92015">
        <dgm:presLayoutVars>
          <dgm:bulletEnabled val="1"/>
        </dgm:presLayoutVars>
      </dgm:prSet>
      <dgm:spPr/>
    </dgm:pt>
    <dgm:pt modelId="{22C01FB6-3464-4D4D-85F0-F46F4E885730}" type="pres">
      <dgm:prSet presAssocID="{52787C9F-0447-45B3-9308-840CE3CC1BB9}" presName="accent_7" presStyleCnt="0"/>
      <dgm:spPr/>
    </dgm:pt>
    <dgm:pt modelId="{DDE0F0AC-B302-4228-B559-7963D0CFE755}" type="pres">
      <dgm:prSet presAssocID="{52787C9F-0447-45B3-9308-840CE3CC1BB9}" presName="accentRepeatNode" presStyleLbl="solidFgAcc1" presStyleIdx="6" presStyleCnt="7"/>
      <dgm:spPr>
        <a:blipFill rotWithShape="0">
          <a:blip xmlns:r="http://schemas.openxmlformats.org/officeDocument/2006/relationships"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a:blipFill>
      </dgm:spPr>
    </dgm:pt>
  </dgm:ptLst>
  <dgm:cxnLst>
    <dgm:cxn modelId="{04D6280D-65A3-4995-9E42-009D4DCBEC8B}" type="presOf" srcId="{52787C9F-0447-45B3-9308-840CE3CC1BB9}" destId="{E7DBDD1F-BFF3-4748-BA42-46877B11D837}" srcOrd="0" destOrd="0" presId="urn:microsoft.com/office/officeart/2008/layout/VerticalCurvedList"/>
    <dgm:cxn modelId="{AFD75B0F-A861-408E-A3B2-B4A84BBBC2C8}" type="presOf" srcId="{5C9FA910-FA3B-4FF6-A282-F91B10EE18E7}" destId="{CF0FD799-9AB0-492E-91B4-8A8560898EC0}" srcOrd="0" destOrd="0" presId="urn:microsoft.com/office/officeart/2008/layout/VerticalCurvedList"/>
    <dgm:cxn modelId="{078DF523-9AB1-423C-9C76-A2C0CCA81B0F}" srcId="{1FE447B6-5C06-478C-9DEA-120F2598CD50}" destId="{1E094A1A-208B-4A28-853E-2C499A0AB219}" srcOrd="0" destOrd="0" parTransId="{5066330E-B034-40FA-A76A-8F74B87B2B8C}" sibTransId="{EF408EA0-1115-47BD-B5F2-56F70CE6A020}"/>
    <dgm:cxn modelId="{84D2DE40-3992-4E5F-B2D0-D0A17B60E951}" srcId="{1FE447B6-5C06-478C-9DEA-120F2598CD50}" destId="{52787C9F-0447-45B3-9308-840CE3CC1BB9}" srcOrd="6" destOrd="0" parTransId="{9793D927-0DFC-4095-9EE1-C270F4693F2D}" sibTransId="{39041ACC-D994-4202-AD69-3010BD2DD815}"/>
    <dgm:cxn modelId="{B20E8F6D-110C-4A26-9788-E16B01A46DFC}" srcId="{1FE447B6-5C06-478C-9DEA-120F2598CD50}" destId="{28BC31A4-07DA-4CCF-8F6C-0C0CAFD294CF}" srcOrd="4" destOrd="0" parTransId="{9334DCDE-80A5-4F92-BE59-449AC17E68FB}" sibTransId="{2676066F-E704-4F70-AD77-EFEAE257D263}"/>
    <dgm:cxn modelId="{6FA7B556-CDCD-4BED-81A2-DDB5E73AABDA}" type="presOf" srcId="{3DE8D40F-3F89-4228-8705-91CB480EC6AB}" destId="{E9156526-6445-42C9-95AC-F8AA794CF836}" srcOrd="0" destOrd="0" presId="urn:microsoft.com/office/officeart/2008/layout/VerticalCurvedList"/>
    <dgm:cxn modelId="{1884DC76-19EB-4B81-B0FB-39AAECB0734F}" srcId="{1FE447B6-5C06-478C-9DEA-120F2598CD50}" destId="{1D01A672-6A63-47B3-9323-E4E6E56C2E28}" srcOrd="1" destOrd="0" parTransId="{92C741CD-3960-4BF8-ABD2-B8744BA74F86}" sibTransId="{433A2BE3-8E39-4DC4-98CB-F6F697FB74BC}"/>
    <dgm:cxn modelId="{55A94787-D58F-4433-9EF4-C4AF1FE5D9B8}" srcId="{1FE447B6-5C06-478C-9DEA-120F2598CD50}" destId="{3DE8D40F-3F89-4228-8705-91CB480EC6AB}" srcOrd="2" destOrd="0" parTransId="{E7001C4B-3A8E-4354-9B9E-27C6C332E483}" sibTransId="{003EE2FD-DB87-4A9D-9629-CF5E120A4330}"/>
    <dgm:cxn modelId="{F592E78B-21F0-4972-9150-7D0F605355CA}" type="presOf" srcId="{1D01A672-6A63-47B3-9323-E4E6E56C2E28}" destId="{79293CA3-4237-4427-9140-4278B7B459D0}" srcOrd="0" destOrd="0" presId="urn:microsoft.com/office/officeart/2008/layout/VerticalCurvedList"/>
    <dgm:cxn modelId="{235F618D-DC56-44F5-A3A7-5217707AC576}" type="presOf" srcId="{B73B53FF-A912-4637-92E0-6516B356AAD1}" destId="{F2B48F9B-0717-4A97-A0AC-C550CE75F43E}" srcOrd="0" destOrd="0" presId="urn:microsoft.com/office/officeart/2008/layout/VerticalCurvedList"/>
    <dgm:cxn modelId="{CD431FA9-5CF2-4071-B5E8-5398B5F12DD9}" type="presOf" srcId="{EF408EA0-1115-47BD-B5F2-56F70CE6A020}" destId="{6F9EE71E-C17A-42EA-B79B-8A84AE41B4FA}" srcOrd="0" destOrd="0" presId="urn:microsoft.com/office/officeart/2008/layout/VerticalCurvedList"/>
    <dgm:cxn modelId="{316683A9-523B-4465-A2A4-640C7D0FDED5}" type="presOf" srcId="{1FE447B6-5C06-478C-9DEA-120F2598CD50}" destId="{129D4C8A-7635-483B-ABC0-A81ADBDEF116}" srcOrd="0" destOrd="0" presId="urn:microsoft.com/office/officeart/2008/layout/VerticalCurvedList"/>
    <dgm:cxn modelId="{23F9CEB7-3217-4FE0-868F-CE48D9CDBB5E}" srcId="{1FE447B6-5C06-478C-9DEA-120F2598CD50}" destId="{5C9FA910-FA3B-4FF6-A282-F91B10EE18E7}" srcOrd="3" destOrd="0" parTransId="{049ED8D9-5203-4FD1-81DD-41BD38857830}" sibTransId="{6151776D-DF2E-4045-8BF1-B5E3D9C9FEBE}"/>
    <dgm:cxn modelId="{06BDDCCE-3479-4C76-B6A8-569C9D862512}" type="presOf" srcId="{28BC31A4-07DA-4CCF-8F6C-0C0CAFD294CF}" destId="{BB123217-25AD-4AD2-8944-A54EB3D6A9EE}" srcOrd="0" destOrd="0" presId="urn:microsoft.com/office/officeart/2008/layout/VerticalCurvedList"/>
    <dgm:cxn modelId="{842F52DB-D70B-47E8-9A04-F626250AA9B4}" type="presOf" srcId="{1E094A1A-208B-4A28-853E-2C499A0AB219}" destId="{6EF1A999-A4B4-4B68-A4E5-6A2A7684ECA1}" srcOrd="0" destOrd="0" presId="urn:microsoft.com/office/officeart/2008/layout/VerticalCurvedList"/>
    <dgm:cxn modelId="{F46931F0-6F1A-4D3F-A450-929C4AE86C7B}" srcId="{1FE447B6-5C06-478C-9DEA-120F2598CD50}" destId="{B73B53FF-A912-4637-92E0-6516B356AAD1}" srcOrd="5" destOrd="0" parTransId="{DF125A52-CDFF-4DB4-8D03-72E380088E0C}" sibTransId="{CB6900DF-BFE1-4A33-9ED1-51ADE5575EED}"/>
    <dgm:cxn modelId="{554BED6C-CD75-4C8A-997D-EED9C3A0958B}" type="presParOf" srcId="{129D4C8A-7635-483B-ABC0-A81ADBDEF116}" destId="{F53BBBD1-F8C0-4B6E-A17E-33912C652E1B}" srcOrd="0" destOrd="0" presId="urn:microsoft.com/office/officeart/2008/layout/VerticalCurvedList"/>
    <dgm:cxn modelId="{97D50A7F-1AB9-4F0E-A4E4-549CBDB34C05}" type="presParOf" srcId="{F53BBBD1-F8C0-4B6E-A17E-33912C652E1B}" destId="{953FC2C0-3A42-4E56-9BC6-BF0D2705954F}" srcOrd="0" destOrd="0" presId="urn:microsoft.com/office/officeart/2008/layout/VerticalCurvedList"/>
    <dgm:cxn modelId="{D8BEF4D4-28E9-492A-82AD-F654F7A7D775}" type="presParOf" srcId="{953FC2C0-3A42-4E56-9BC6-BF0D2705954F}" destId="{EEEC8B6B-B489-4845-B401-B1DA1FA41082}" srcOrd="0" destOrd="0" presId="urn:microsoft.com/office/officeart/2008/layout/VerticalCurvedList"/>
    <dgm:cxn modelId="{83878B4D-BB28-415D-AE74-4ADB86D0FD8C}" type="presParOf" srcId="{953FC2C0-3A42-4E56-9BC6-BF0D2705954F}" destId="{6F9EE71E-C17A-42EA-B79B-8A84AE41B4FA}" srcOrd="1" destOrd="0" presId="urn:microsoft.com/office/officeart/2008/layout/VerticalCurvedList"/>
    <dgm:cxn modelId="{EBF512DA-D747-4C8A-8226-7C22FC800AE6}" type="presParOf" srcId="{953FC2C0-3A42-4E56-9BC6-BF0D2705954F}" destId="{175335F9-12A8-40FC-A03D-A54727FBF06B}" srcOrd="2" destOrd="0" presId="urn:microsoft.com/office/officeart/2008/layout/VerticalCurvedList"/>
    <dgm:cxn modelId="{E026423D-42D7-4867-88FA-2FA66F91F862}" type="presParOf" srcId="{953FC2C0-3A42-4E56-9BC6-BF0D2705954F}" destId="{C4AAD714-7302-4830-9706-02271BE4B24F}" srcOrd="3" destOrd="0" presId="urn:microsoft.com/office/officeart/2008/layout/VerticalCurvedList"/>
    <dgm:cxn modelId="{6BA2317A-A9D2-445B-AEC9-78402520C1A7}" type="presParOf" srcId="{F53BBBD1-F8C0-4B6E-A17E-33912C652E1B}" destId="{6EF1A999-A4B4-4B68-A4E5-6A2A7684ECA1}" srcOrd="1" destOrd="0" presId="urn:microsoft.com/office/officeart/2008/layout/VerticalCurvedList"/>
    <dgm:cxn modelId="{24C37D6F-762D-4CB8-8267-FCCA713A99CC}" type="presParOf" srcId="{F53BBBD1-F8C0-4B6E-A17E-33912C652E1B}" destId="{D052A7AC-ED70-4615-883F-3C9C2971B9AD}" srcOrd="2" destOrd="0" presId="urn:microsoft.com/office/officeart/2008/layout/VerticalCurvedList"/>
    <dgm:cxn modelId="{11319FF0-205E-41B4-BDCE-38DBC1A06E69}" type="presParOf" srcId="{D052A7AC-ED70-4615-883F-3C9C2971B9AD}" destId="{642FE989-2D59-4BE6-80C5-7D63D00EF5EB}" srcOrd="0" destOrd="0" presId="urn:microsoft.com/office/officeart/2008/layout/VerticalCurvedList"/>
    <dgm:cxn modelId="{3574203E-430B-406C-9450-3D6B5579C8FE}" type="presParOf" srcId="{F53BBBD1-F8C0-4B6E-A17E-33912C652E1B}" destId="{79293CA3-4237-4427-9140-4278B7B459D0}" srcOrd="3" destOrd="0" presId="urn:microsoft.com/office/officeart/2008/layout/VerticalCurvedList"/>
    <dgm:cxn modelId="{ADC34304-DE86-4C76-9873-7DBD7C979664}" type="presParOf" srcId="{F53BBBD1-F8C0-4B6E-A17E-33912C652E1B}" destId="{9A2846D5-FFB4-4C45-8EB7-40F352B54DAD}" srcOrd="4" destOrd="0" presId="urn:microsoft.com/office/officeart/2008/layout/VerticalCurvedList"/>
    <dgm:cxn modelId="{8ABD89E9-6184-47CA-B996-C4FAD7021B81}" type="presParOf" srcId="{9A2846D5-FFB4-4C45-8EB7-40F352B54DAD}" destId="{1ECA4439-826D-4BBD-A9F1-64EF20082366}" srcOrd="0" destOrd="0" presId="urn:microsoft.com/office/officeart/2008/layout/VerticalCurvedList"/>
    <dgm:cxn modelId="{B5D18E07-8218-49B0-A831-23E7DF55EAEF}" type="presParOf" srcId="{F53BBBD1-F8C0-4B6E-A17E-33912C652E1B}" destId="{E9156526-6445-42C9-95AC-F8AA794CF836}" srcOrd="5" destOrd="0" presId="urn:microsoft.com/office/officeart/2008/layout/VerticalCurvedList"/>
    <dgm:cxn modelId="{39BBC441-DBAB-457A-9381-911270C87E67}" type="presParOf" srcId="{F53BBBD1-F8C0-4B6E-A17E-33912C652E1B}" destId="{AA7702B1-8FCB-4D78-8547-D30621AAD458}" srcOrd="6" destOrd="0" presId="urn:microsoft.com/office/officeart/2008/layout/VerticalCurvedList"/>
    <dgm:cxn modelId="{04B89EB5-8E5E-4DDD-BDC8-EE7B4E0D9D47}" type="presParOf" srcId="{AA7702B1-8FCB-4D78-8547-D30621AAD458}" destId="{E8A5C15E-E412-4F8A-88EB-F0FFD06C02EB}" srcOrd="0" destOrd="0" presId="urn:microsoft.com/office/officeart/2008/layout/VerticalCurvedList"/>
    <dgm:cxn modelId="{E96C67E3-36F5-4FCE-961B-92E2E0DBEE5B}" type="presParOf" srcId="{F53BBBD1-F8C0-4B6E-A17E-33912C652E1B}" destId="{CF0FD799-9AB0-492E-91B4-8A8560898EC0}" srcOrd="7" destOrd="0" presId="urn:microsoft.com/office/officeart/2008/layout/VerticalCurvedList"/>
    <dgm:cxn modelId="{F4117A85-E677-46CE-8378-64DB8EBE0377}" type="presParOf" srcId="{F53BBBD1-F8C0-4B6E-A17E-33912C652E1B}" destId="{03680C2D-6621-40A7-8187-4D89542936A1}" srcOrd="8" destOrd="0" presId="urn:microsoft.com/office/officeart/2008/layout/VerticalCurvedList"/>
    <dgm:cxn modelId="{8510C2FF-9D86-4C31-AAA2-FDC74136B4DC}" type="presParOf" srcId="{03680C2D-6621-40A7-8187-4D89542936A1}" destId="{29AE5E4A-E864-44AA-BD26-A453F27AD1A0}" srcOrd="0" destOrd="0" presId="urn:microsoft.com/office/officeart/2008/layout/VerticalCurvedList"/>
    <dgm:cxn modelId="{7C9F3A56-5F40-4D80-8C06-90166C4940C3}" type="presParOf" srcId="{F53BBBD1-F8C0-4B6E-A17E-33912C652E1B}" destId="{BB123217-25AD-4AD2-8944-A54EB3D6A9EE}" srcOrd="9" destOrd="0" presId="urn:microsoft.com/office/officeart/2008/layout/VerticalCurvedList"/>
    <dgm:cxn modelId="{7DD76953-006A-4B15-B9AA-CF6DC553211E}" type="presParOf" srcId="{F53BBBD1-F8C0-4B6E-A17E-33912C652E1B}" destId="{1D290613-A506-43C4-AA70-BE85CAF919C1}" srcOrd="10" destOrd="0" presId="urn:microsoft.com/office/officeart/2008/layout/VerticalCurvedList"/>
    <dgm:cxn modelId="{0CD181AE-93F2-4385-AD6A-57D60C47B103}" type="presParOf" srcId="{1D290613-A506-43C4-AA70-BE85CAF919C1}" destId="{BD8A0BDF-CF65-4C33-82A7-D606CBA15850}" srcOrd="0" destOrd="0" presId="urn:microsoft.com/office/officeart/2008/layout/VerticalCurvedList"/>
    <dgm:cxn modelId="{7007BD38-F443-404E-97E7-EBC61D42F91D}" type="presParOf" srcId="{F53BBBD1-F8C0-4B6E-A17E-33912C652E1B}" destId="{F2B48F9B-0717-4A97-A0AC-C550CE75F43E}" srcOrd="11" destOrd="0" presId="urn:microsoft.com/office/officeart/2008/layout/VerticalCurvedList"/>
    <dgm:cxn modelId="{10A82339-60EF-47F7-8EAA-7020A87DF107}" type="presParOf" srcId="{F53BBBD1-F8C0-4B6E-A17E-33912C652E1B}" destId="{5FFD7063-107D-4EEF-A7BC-4B18A88EC9AC}" srcOrd="12" destOrd="0" presId="urn:microsoft.com/office/officeart/2008/layout/VerticalCurvedList"/>
    <dgm:cxn modelId="{0B8666C6-D3CD-42D6-B853-EABFD88BF611}" type="presParOf" srcId="{5FFD7063-107D-4EEF-A7BC-4B18A88EC9AC}" destId="{0FD892FA-5FA4-48B4-98B9-D364FD7C23E7}" srcOrd="0" destOrd="0" presId="urn:microsoft.com/office/officeart/2008/layout/VerticalCurvedList"/>
    <dgm:cxn modelId="{95CE8152-EFDA-4259-8095-41C610E737DB}" type="presParOf" srcId="{F53BBBD1-F8C0-4B6E-A17E-33912C652E1B}" destId="{E7DBDD1F-BFF3-4748-BA42-46877B11D837}" srcOrd="13" destOrd="0" presId="urn:microsoft.com/office/officeart/2008/layout/VerticalCurvedList"/>
    <dgm:cxn modelId="{38FA184B-1F67-48DC-A224-538CCB275FC9}" type="presParOf" srcId="{F53BBBD1-F8C0-4B6E-A17E-33912C652E1B}" destId="{22C01FB6-3464-4D4D-85F0-F46F4E885730}" srcOrd="14" destOrd="0" presId="urn:microsoft.com/office/officeart/2008/layout/VerticalCurvedList"/>
    <dgm:cxn modelId="{FB30FDE7-A981-43C7-8EF7-1B6565A0F4BC}" type="presParOf" srcId="{22C01FB6-3464-4D4D-85F0-F46F4E885730}" destId="{DDE0F0AC-B302-4228-B559-7963D0CFE755}" srcOrd="0" destOrd="0" presId="urn:microsoft.com/office/officeart/2008/layout/VerticalCurve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8AF72328-D138-4678-AC00-2D36858D0B56}" type="doc">
      <dgm:prSet loTypeId="urn:microsoft.com/office/officeart/2005/8/layout/lProcess2" loCatId="relationship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A0C777C8-A140-4745-850E-E85B7CDCE49B}">
      <dgm:prSet phldrT="[Text]" custT="1"/>
      <dgm:spPr/>
      <dgm:t>
        <a:bodyPr/>
        <a:lstStyle/>
        <a:p>
          <a:r>
            <a:rPr lang="en-US" sz="2000" b="1" dirty="0"/>
            <a:t>Onshore Production</a:t>
          </a:r>
        </a:p>
      </dgm:t>
    </dgm:pt>
    <dgm:pt modelId="{20745F84-CEB7-454B-AB5D-3C74EF864155}" type="parTrans" cxnId="{973469C4-7EEC-41C6-9E33-D5F769BDA50B}">
      <dgm:prSet/>
      <dgm:spPr/>
      <dgm:t>
        <a:bodyPr/>
        <a:lstStyle/>
        <a:p>
          <a:endParaRPr lang="en-US"/>
        </a:p>
      </dgm:t>
    </dgm:pt>
    <dgm:pt modelId="{F4F125A4-CACC-4ED1-9FBF-FD56E5DD20D5}" type="sibTrans" cxnId="{973469C4-7EEC-41C6-9E33-D5F769BDA50B}">
      <dgm:prSet/>
      <dgm:spPr/>
      <dgm:t>
        <a:bodyPr/>
        <a:lstStyle/>
        <a:p>
          <a:endParaRPr lang="en-US"/>
        </a:p>
      </dgm:t>
    </dgm:pt>
    <dgm:pt modelId="{193705A9-1084-419E-B3CC-87593B152BF1}">
      <dgm:prSet phldrT="[Text]" custT="1"/>
      <dgm:spPr/>
      <dgm:t>
        <a:bodyPr/>
        <a:lstStyle/>
        <a:p>
          <a:r>
            <a:rPr lang="en-US" sz="1400" dirty="0"/>
            <a:t>New Build Sites</a:t>
          </a:r>
        </a:p>
      </dgm:t>
    </dgm:pt>
    <dgm:pt modelId="{90A73F7A-36C4-443C-9ED8-CCABD769139B}" type="parTrans" cxnId="{D786C28F-3C62-418D-A661-082D1881B68C}">
      <dgm:prSet/>
      <dgm:spPr/>
      <dgm:t>
        <a:bodyPr/>
        <a:lstStyle/>
        <a:p>
          <a:endParaRPr lang="en-US"/>
        </a:p>
      </dgm:t>
    </dgm:pt>
    <dgm:pt modelId="{5383C71B-DABB-404E-8FBD-910A73D1F061}" type="sibTrans" cxnId="{D786C28F-3C62-418D-A661-082D1881B68C}">
      <dgm:prSet/>
      <dgm:spPr/>
      <dgm:t>
        <a:bodyPr/>
        <a:lstStyle/>
        <a:p>
          <a:endParaRPr lang="en-US"/>
        </a:p>
      </dgm:t>
    </dgm:pt>
    <dgm:pt modelId="{01706D5E-AA2F-42E8-8046-53E374352725}">
      <dgm:prSet phldrT="[Text]" custT="1"/>
      <dgm:spPr/>
      <dgm:t>
        <a:bodyPr/>
        <a:lstStyle/>
        <a:p>
          <a:r>
            <a:rPr lang="en-US" sz="2000" b="1" dirty="0"/>
            <a:t>Offshore Production</a:t>
          </a:r>
        </a:p>
      </dgm:t>
    </dgm:pt>
    <dgm:pt modelId="{FD42B9C8-0C19-49BE-8502-4213978ADF2E}" type="parTrans" cxnId="{E23539E2-298E-4E9C-B83B-E752593B3EF1}">
      <dgm:prSet/>
      <dgm:spPr/>
      <dgm:t>
        <a:bodyPr/>
        <a:lstStyle/>
        <a:p>
          <a:endParaRPr lang="en-US"/>
        </a:p>
      </dgm:t>
    </dgm:pt>
    <dgm:pt modelId="{DECA4821-36C2-4263-BD70-166393F53C8E}" type="sibTrans" cxnId="{E23539E2-298E-4E9C-B83B-E752593B3EF1}">
      <dgm:prSet/>
      <dgm:spPr/>
      <dgm:t>
        <a:bodyPr/>
        <a:lstStyle/>
        <a:p>
          <a:endParaRPr lang="en-US"/>
        </a:p>
      </dgm:t>
    </dgm:pt>
    <dgm:pt modelId="{A8E1C5A8-E64A-4BAC-91BB-C2CD7A987267}">
      <dgm:prSet phldrT="[Text]"/>
      <dgm:spPr/>
      <dgm:t>
        <a:bodyPr/>
        <a:lstStyle/>
        <a:p>
          <a:r>
            <a:rPr lang="en-US" dirty="0"/>
            <a:t>Greenfield</a:t>
          </a:r>
        </a:p>
      </dgm:t>
    </dgm:pt>
    <dgm:pt modelId="{D2242029-C20D-4484-9CEB-C96C8167C197}" type="parTrans" cxnId="{F59FBEBF-D832-4342-995A-8410BDC47E85}">
      <dgm:prSet/>
      <dgm:spPr/>
      <dgm:t>
        <a:bodyPr/>
        <a:lstStyle/>
        <a:p>
          <a:endParaRPr lang="en-US"/>
        </a:p>
      </dgm:t>
    </dgm:pt>
    <dgm:pt modelId="{270F36FB-7103-4635-B41A-059DA1EE5155}" type="sibTrans" cxnId="{F59FBEBF-D832-4342-995A-8410BDC47E85}">
      <dgm:prSet/>
      <dgm:spPr/>
      <dgm:t>
        <a:bodyPr/>
        <a:lstStyle/>
        <a:p>
          <a:endParaRPr lang="en-US"/>
        </a:p>
      </dgm:t>
    </dgm:pt>
    <dgm:pt modelId="{6C0EE7A6-8090-49E9-8940-96B3C2272116}">
      <dgm:prSet phldrT="[Text]" custT="1"/>
      <dgm:spPr/>
      <dgm:t>
        <a:bodyPr/>
        <a:lstStyle/>
        <a:p>
          <a:r>
            <a:rPr lang="en-US" sz="2000" b="1" dirty="0"/>
            <a:t>Bulk Transport</a:t>
          </a:r>
        </a:p>
      </dgm:t>
    </dgm:pt>
    <dgm:pt modelId="{879E8FF6-18FC-4AB4-875C-F2E97536DDE1}" type="parTrans" cxnId="{19A0425E-A491-45A4-815F-AA430728016A}">
      <dgm:prSet/>
      <dgm:spPr/>
      <dgm:t>
        <a:bodyPr/>
        <a:lstStyle/>
        <a:p>
          <a:endParaRPr lang="en-US"/>
        </a:p>
      </dgm:t>
    </dgm:pt>
    <dgm:pt modelId="{4E40A042-6CFD-4C00-86BE-149C5DBEBC64}" type="sibTrans" cxnId="{19A0425E-A491-45A4-815F-AA430728016A}">
      <dgm:prSet/>
      <dgm:spPr/>
      <dgm:t>
        <a:bodyPr/>
        <a:lstStyle/>
        <a:p>
          <a:endParaRPr lang="en-US"/>
        </a:p>
      </dgm:t>
    </dgm:pt>
    <dgm:pt modelId="{91D4BAB2-F573-46D9-ACCF-222096FCFB43}">
      <dgm:prSet phldrT="[Text]"/>
      <dgm:spPr/>
      <dgm:t>
        <a:bodyPr/>
        <a:lstStyle/>
        <a:p>
          <a:r>
            <a:rPr lang="en-US" dirty="0"/>
            <a:t>Offshore Pipelines</a:t>
          </a:r>
        </a:p>
      </dgm:t>
    </dgm:pt>
    <dgm:pt modelId="{1287CCE2-2E68-45E0-BFAD-B6C1C1EC57EE}" type="parTrans" cxnId="{F6E6B8BE-4FE3-4208-BE32-E8121A73F9D2}">
      <dgm:prSet/>
      <dgm:spPr/>
      <dgm:t>
        <a:bodyPr/>
        <a:lstStyle/>
        <a:p>
          <a:endParaRPr lang="en-US"/>
        </a:p>
      </dgm:t>
    </dgm:pt>
    <dgm:pt modelId="{97454FD8-F03B-4C7A-8A09-E2392B435C2D}" type="sibTrans" cxnId="{F6E6B8BE-4FE3-4208-BE32-E8121A73F9D2}">
      <dgm:prSet/>
      <dgm:spPr/>
      <dgm:t>
        <a:bodyPr/>
        <a:lstStyle/>
        <a:p>
          <a:endParaRPr lang="en-US"/>
        </a:p>
      </dgm:t>
    </dgm:pt>
    <dgm:pt modelId="{1DF46E3E-5C8C-4E79-B57C-C79B69605505}">
      <dgm:prSet custT="1"/>
      <dgm:spPr/>
      <dgm:t>
        <a:bodyPr/>
        <a:lstStyle/>
        <a:p>
          <a:r>
            <a:rPr lang="en-US" sz="2000" b="1" dirty="0"/>
            <a:t>Onshore Storage</a:t>
          </a:r>
        </a:p>
      </dgm:t>
    </dgm:pt>
    <dgm:pt modelId="{0C15061A-C918-468F-A06C-8DC964BD4B4F}" type="parTrans" cxnId="{5157F950-4135-4092-B8CD-B1138289E96A}">
      <dgm:prSet/>
      <dgm:spPr/>
      <dgm:t>
        <a:bodyPr/>
        <a:lstStyle/>
        <a:p>
          <a:endParaRPr lang="en-US"/>
        </a:p>
      </dgm:t>
    </dgm:pt>
    <dgm:pt modelId="{33BE4CA6-CBA7-4B52-ABFF-9A3CA94866F5}" type="sibTrans" cxnId="{5157F950-4135-4092-B8CD-B1138289E96A}">
      <dgm:prSet/>
      <dgm:spPr/>
      <dgm:t>
        <a:bodyPr/>
        <a:lstStyle/>
        <a:p>
          <a:endParaRPr lang="en-US"/>
        </a:p>
      </dgm:t>
    </dgm:pt>
    <dgm:pt modelId="{6818B900-E3BA-4EA5-9016-3CCE361D4570}">
      <dgm:prSet/>
      <dgm:spPr/>
      <dgm:t>
        <a:bodyPr/>
        <a:lstStyle/>
        <a:p>
          <a:r>
            <a:rPr lang="en-US" dirty="0"/>
            <a:t>Salt Cavern</a:t>
          </a:r>
        </a:p>
      </dgm:t>
    </dgm:pt>
    <dgm:pt modelId="{3F55CA46-02BD-43C8-8772-8158D459AC8A}" type="parTrans" cxnId="{768B5D24-C28D-42AD-8476-DD0B6CE6D40A}">
      <dgm:prSet/>
      <dgm:spPr/>
      <dgm:t>
        <a:bodyPr/>
        <a:lstStyle/>
        <a:p>
          <a:endParaRPr lang="en-US"/>
        </a:p>
      </dgm:t>
    </dgm:pt>
    <dgm:pt modelId="{ACA60159-AC0C-4F9C-A5D1-BF78E50311C4}" type="sibTrans" cxnId="{768B5D24-C28D-42AD-8476-DD0B6CE6D40A}">
      <dgm:prSet/>
      <dgm:spPr/>
      <dgm:t>
        <a:bodyPr/>
        <a:lstStyle/>
        <a:p>
          <a:endParaRPr lang="en-US"/>
        </a:p>
      </dgm:t>
    </dgm:pt>
    <dgm:pt modelId="{C7E162F6-5EA1-4DD0-A5F2-BAFA1951AC05}">
      <dgm:prSet phldrT="[Text]" custT="1"/>
      <dgm:spPr/>
      <dgm:t>
        <a:bodyPr/>
        <a:lstStyle/>
        <a:p>
          <a:r>
            <a:rPr lang="en-US" sz="1400" dirty="0"/>
            <a:t>Existing COMAH Sites</a:t>
          </a:r>
        </a:p>
      </dgm:t>
    </dgm:pt>
    <dgm:pt modelId="{0D05DA59-8482-4B05-A105-A23B075011D6}" type="parTrans" cxnId="{DC6C6F01-CFB6-4614-A11E-33FABE9102BA}">
      <dgm:prSet/>
      <dgm:spPr/>
      <dgm:t>
        <a:bodyPr/>
        <a:lstStyle/>
        <a:p>
          <a:endParaRPr lang="en-GB"/>
        </a:p>
      </dgm:t>
    </dgm:pt>
    <dgm:pt modelId="{E09C4440-0E41-41FB-AF96-D8CA5BDB6E7B}" type="sibTrans" cxnId="{DC6C6F01-CFB6-4614-A11E-33FABE9102BA}">
      <dgm:prSet/>
      <dgm:spPr/>
      <dgm:t>
        <a:bodyPr/>
        <a:lstStyle/>
        <a:p>
          <a:endParaRPr lang="en-GB"/>
        </a:p>
      </dgm:t>
    </dgm:pt>
    <dgm:pt modelId="{9CA0DBE9-F7AE-4920-B96E-3D6C00DA3A14}">
      <dgm:prSet phldrT="[Text]"/>
      <dgm:spPr/>
      <dgm:t>
        <a:bodyPr/>
        <a:lstStyle/>
        <a:p>
          <a:r>
            <a:rPr lang="en-US" dirty="0"/>
            <a:t>Brownfield</a:t>
          </a:r>
        </a:p>
      </dgm:t>
    </dgm:pt>
    <dgm:pt modelId="{F33B4302-61C1-4A39-9E0E-C7ADA22F3B5D}" type="parTrans" cxnId="{0552D32F-4EF0-42EE-A8D9-131D2D454895}">
      <dgm:prSet/>
      <dgm:spPr/>
      <dgm:t>
        <a:bodyPr/>
        <a:lstStyle/>
        <a:p>
          <a:endParaRPr lang="en-GB"/>
        </a:p>
      </dgm:t>
    </dgm:pt>
    <dgm:pt modelId="{60C68CE3-1056-4576-8710-71540793D071}" type="sibTrans" cxnId="{0552D32F-4EF0-42EE-A8D9-131D2D454895}">
      <dgm:prSet/>
      <dgm:spPr/>
      <dgm:t>
        <a:bodyPr/>
        <a:lstStyle/>
        <a:p>
          <a:endParaRPr lang="en-GB"/>
        </a:p>
      </dgm:t>
    </dgm:pt>
    <dgm:pt modelId="{F700977F-5C87-44B0-9353-82F088EFAC0F}">
      <dgm:prSet phldrT="[Text]"/>
      <dgm:spPr/>
      <dgm:t>
        <a:bodyPr/>
        <a:lstStyle/>
        <a:p>
          <a:r>
            <a:rPr lang="en-US" dirty="0"/>
            <a:t>HP Onshore Pipelines</a:t>
          </a:r>
        </a:p>
      </dgm:t>
    </dgm:pt>
    <dgm:pt modelId="{A2F79A59-A167-44A5-99C7-7FFB9ECCE22C}" type="parTrans" cxnId="{307AEEC3-B2EA-4FF9-95B5-18C6203901FC}">
      <dgm:prSet/>
      <dgm:spPr/>
      <dgm:t>
        <a:bodyPr/>
        <a:lstStyle/>
        <a:p>
          <a:endParaRPr lang="en-GB"/>
        </a:p>
      </dgm:t>
    </dgm:pt>
    <dgm:pt modelId="{DD7ED69B-2C31-4C20-8EBB-75A43238097E}" type="sibTrans" cxnId="{307AEEC3-B2EA-4FF9-95B5-18C6203901FC}">
      <dgm:prSet/>
      <dgm:spPr/>
      <dgm:t>
        <a:bodyPr/>
        <a:lstStyle/>
        <a:p>
          <a:endParaRPr lang="en-GB"/>
        </a:p>
      </dgm:t>
    </dgm:pt>
    <dgm:pt modelId="{FAA27CA7-BFCB-40F5-9257-D1597572C1F0}">
      <dgm:prSet phldrT="[Text]"/>
      <dgm:spPr/>
      <dgm:t>
        <a:bodyPr/>
        <a:lstStyle/>
        <a:p>
          <a:r>
            <a:rPr lang="en-US" dirty="0"/>
            <a:t>LP Distribution Pipelines</a:t>
          </a:r>
        </a:p>
      </dgm:t>
    </dgm:pt>
    <dgm:pt modelId="{9F0A93E9-2D65-408A-8883-B1EBF352BE90}" type="parTrans" cxnId="{9534D11D-FA0D-4A78-880B-A3E15DCB9B12}">
      <dgm:prSet/>
      <dgm:spPr/>
      <dgm:t>
        <a:bodyPr/>
        <a:lstStyle/>
        <a:p>
          <a:endParaRPr lang="en-GB"/>
        </a:p>
      </dgm:t>
    </dgm:pt>
    <dgm:pt modelId="{931D220C-A355-4D79-A5EE-707D93241148}" type="sibTrans" cxnId="{9534D11D-FA0D-4A78-880B-A3E15DCB9B12}">
      <dgm:prSet/>
      <dgm:spPr/>
      <dgm:t>
        <a:bodyPr/>
        <a:lstStyle/>
        <a:p>
          <a:endParaRPr lang="en-GB"/>
        </a:p>
      </dgm:t>
    </dgm:pt>
    <dgm:pt modelId="{8E9E7293-303D-4923-8732-FDACB79BE8F9}">
      <dgm:prSet phldrT="[Text]"/>
      <dgm:spPr/>
      <dgm:t>
        <a:bodyPr/>
        <a:lstStyle/>
        <a:p>
          <a:r>
            <a:rPr lang="en-US" dirty="0"/>
            <a:t>Bulk Road Transportation</a:t>
          </a:r>
        </a:p>
      </dgm:t>
    </dgm:pt>
    <dgm:pt modelId="{E83D861D-B1F3-464A-96EC-0D122B263FEB}" type="parTrans" cxnId="{900A0608-8ABD-4E79-A479-6AD1C07D596C}">
      <dgm:prSet/>
      <dgm:spPr/>
      <dgm:t>
        <a:bodyPr/>
        <a:lstStyle/>
        <a:p>
          <a:endParaRPr lang="en-GB"/>
        </a:p>
      </dgm:t>
    </dgm:pt>
    <dgm:pt modelId="{F86210FA-1783-4E1D-B57B-EC53D5B649A0}" type="sibTrans" cxnId="{900A0608-8ABD-4E79-A479-6AD1C07D596C}">
      <dgm:prSet/>
      <dgm:spPr/>
      <dgm:t>
        <a:bodyPr/>
        <a:lstStyle/>
        <a:p>
          <a:endParaRPr lang="en-GB"/>
        </a:p>
      </dgm:t>
    </dgm:pt>
    <dgm:pt modelId="{3558C72B-FD45-49BC-8E92-3B865FD39DD7}">
      <dgm:prSet phldrT="[Text]"/>
      <dgm:spPr/>
      <dgm:t>
        <a:bodyPr/>
        <a:lstStyle/>
        <a:p>
          <a:r>
            <a:rPr lang="en-US" dirty="0"/>
            <a:t>LOHC, Ammonia, Liquid Hydrogen</a:t>
          </a:r>
        </a:p>
      </dgm:t>
    </dgm:pt>
    <dgm:pt modelId="{27C1AE35-F567-47C2-B478-B91F1A3A36F4}" type="parTrans" cxnId="{2A65FD13-7743-4095-846A-D2BD3C6FF4C2}">
      <dgm:prSet/>
      <dgm:spPr/>
      <dgm:t>
        <a:bodyPr/>
        <a:lstStyle/>
        <a:p>
          <a:endParaRPr lang="en-GB"/>
        </a:p>
      </dgm:t>
    </dgm:pt>
    <dgm:pt modelId="{E7EBCC78-283D-4DDE-A5B9-99CEABA54610}" type="sibTrans" cxnId="{2A65FD13-7743-4095-846A-D2BD3C6FF4C2}">
      <dgm:prSet/>
      <dgm:spPr/>
      <dgm:t>
        <a:bodyPr/>
        <a:lstStyle/>
        <a:p>
          <a:endParaRPr lang="en-GB"/>
        </a:p>
      </dgm:t>
    </dgm:pt>
    <dgm:pt modelId="{7F4263D7-B37C-434E-AAD9-4E3FDD002B72}">
      <dgm:prSet/>
      <dgm:spPr/>
      <dgm:t>
        <a:bodyPr/>
        <a:lstStyle/>
        <a:p>
          <a:r>
            <a:rPr lang="en-US" dirty="0"/>
            <a:t>LOHC, Ammonia, Liquid Hydrogen</a:t>
          </a:r>
        </a:p>
      </dgm:t>
    </dgm:pt>
    <dgm:pt modelId="{EA3CC5D8-A5F8-4F9A-9AB5-7D4A70A09E64}" type="parTrans" cxnId="{7BE822DA-DB2E-4E51-B5BE-8B0EAEE4BBD4}">
      <dgm:prSet/>
      <dgm:spPr/>
      <dgm:t>
        <a:bodyPr/>
        <a:lstStyle/>
        <a:p>
          <a:endParaRPr lang="en-GB"/>
        </a:p>
      </dgm:t>
    </dgm:pt>
    <dgm:pt modelId="{854649A3-6822-4E5C-B7C9-C97363A7B9ED}" type="sibTrans" cxnId="{7BE822DA-DB2E-4E51-B5BE-8B0EAEE4BBD4}">
      <dgm:prSet/>
      <dgm:spPr/>
      <dgm:t>
        <a:bodyPr/>
        <a:lstStyle/>
        <a:p>
          <a:endParaRPr lang="en-GB"/>
        </a:p>
      </dgm:t>
    </dgm:pt>
    <dgm:pt modelId="{C04E1F46-001C-4A89-8FE3-913943CA94C4}">
      <dgm:prSet/>
      <dgm:spPr/>
      <dgm:t>
        <a:bodyPr/>
        <a:lstStyle/>
        <a:p>
          <a:r>
            <a:rPr lang="en-US" dirty="0"/>
            <a:t>HP Hydrogen (200bar)</a:t>
          </a:r>
        </a:p>
      </dgm:t>
    </dgm:pt>
    <dgm:pt modelId="{27AE8365-83E3-4DA3-84C7-AB6379BF3984}" type="parTrans" cxnId="{83972AE2-99FF-49C5-8818-B24F5AAE2EE4}">
      <dgm:prSet/>
      <dgm:spPr/>
      <dgm:t>
        <a:bodyPr/>
        <a:lstStyle/>
        <a:p>
          <a:endParaRPr lang="en-GB"/>
        </a:p>
      </dgm:t>
    </dgm:pt>
    <dgm:pt modelId="{F656793E-39C4-4E05-835B-462711651E6B}" type="sibTrans" cxnId="{83972AE2-99FF-49C5-8818-B24F5AAE2EE4}">
      <dgm:prSet/>
      <dgm:spPr/>
      <dgm:t>
        <a:bodyPr/>
        <a:lstStyle/>
        <a:p>
          <a:endParaRPr lang="en-GB"/>
        </a:p>
      </dgm:t>
    </dgm:pt>
    <dgm:pt modelId="{1B0214C8-904D-450B-A6EE-43EBF878EEF0}" type="pres">
      <dgm:prSet presAssocID="{8AF72328-D138-4678-AC00-2D36858D0B56}" presName="theList" presStyleCnt="0">
        <dgm:presLayoutVars>
          <dgm:dir/>
          <dgm:animLvl val="lvl"/>
          <dgm:resizeHandles val="exact"/>
        </dgm:presLayoutVars>
      </dgm:prSet>
      <dgm:spPr/>
    </dgm:pt>
    <dgm:pt modelId="{538F7290-DA11-4B61-9571-75007401EB18}" type="pres">
      <dgm:prSet presAssocID="{A0C777C8-A140-4745-850E-E85B7CDCE49B}" presName="compNode" presStyleCnt="0"/>
      <dgm:spPr/>
    </dgm:pt>
    <dgm:pt modelId="{AA274FD8-52CE-44AE-942F-90BFDB36F4EE}" type="pres">
      <dgm:prSet presAssocID="{A0C777C8-A140-4745-850E-E85B7CDCE49B}" presName="aNode" presStyleLbl="bgShp" presStyleIdx="0" presStyleCnt="4"/>
      <dgm:spPr/>
    </dgm:pt>
    <dgm:pt modelId="{99E362D7-B7D6-4F42-BD84-B0451F6B19D6}" type="pres">
      <dgm:prSet presAssocID="{A0C777C8-A140-4745-850E-E85B7CDCE49B}" presName="textNode" presStyleLbl="bgShp" presStyleIdx="0" presStyleCnt="4"/>
      <dgm:spPr/>
    </dgm:pt>
    <dgm:pt modelId="{286CD4DE-4D00-4665-BA73-DC28C440E927}" type="pres">
      <dgm:prSet presAssocID="{A0C777C8-A140-4745-850E-E85B7CDCE49B}" presName="compChildNode" presStyleCnt="0"/>
      <dgm:spPr/>
    </dgm:pt>
    <dgm:pt modelId="{AF1E1797-76B7-4FFC-8672-A520A12E9285}" type="pres">
      <dgm:prSet presAssocID="{A0C777C8-A140-4745-850E-E85B7CDCE49B}" presName="theInnerList" presStyleCnt="0"/>
      <dgm:spPr/>
    </dgm:pt>
    <dgm:pt modelId="{DFFC09EC-2DCA-482A-B868-583261711805}" type="pres">
      <dgm:prSet presAssocID="{193705A9-1084-419E-B3CC-87593B152BF1}" presName="childNode" presStyleLbl="node1" presStyleIdx="0" presStyleCnt="12">
        <dgm:presLayoutVars>
          <dgm:bulletEnabled val="1"/>
        </dgm:presLayoutVars>
      </dgm:prSet>
      <dgm:spPr/>
    </dgm:pt>
    <dgm:pt modelId="{415871A3-11FE-46A2-B4C7-7152D0E8EB7F}" type="pres">
      <dgm:prSet presAssocID="{193705A9-1084-419E-B3CC-87593B152BF1}" presName="aSpace2" presStyleCnt="0"/>
      <dgm:spPr/>
    </dgm:pt>
    <dgm:pt modelId="{9E5BDAF7-B3C5-46F1-BDE1-61267E73E0D7}" type="pres">
      <dgm:prSet presAssocID="{C7E162F6-5EA1-4DD0-A5F2-BAFA1951AC05}" presName="childNode" presStyleLbl="node1" presStyleIdx="1" presStyleCnt="12">
        <dgm:presLayoutVars>
          <dgm:bulletEnabled val="1"/>
        </dgm:presLayoutVars>
      </dgm:prSet>
      <dgm:spPr/>
    </dgm:pt>
    <dgm:pt modelId="{F7F4D1A7-08FB-4760-B65D-35E886D9E092}" type="pres">
      <dgm:prSet presAssocID="{A0C777C8-A140-4745-850E-E85B7CDCE49B}" presName="aSpace" presStyleCnt="0"/>
      <dgm:spPr/>
    </dgm:pt>
    <dgm:pt modelId="{D6BE3339-C777-4181-B7B2-4549AEFF923D}" type="pres">
      <dgm:prSet presAssocID="{01706D5E-AA2F-42E8-8046-53E374352725}" presName="compNode" presStyleCnt="0"/>
      <dgm:spPr/>
    </dgm:pt>
    <dgm:pt modelId="{0DCB58FC-99EA-4D60-8DD2-0C3634E4B879}" type="pres">
      <dgm:prSet presAssocID="{01706D5E-AA2F-42E8-8046-53E374352725}" presName="aNode" presStyleLbl="bgShp" presStyleIdx="1" presStyleCnt="4"/>
      <dgm:spPr/>
    </dgm:pt>
    <dgm:pt modelId="{B7C1A5C8-E47F-4192-828A-39C325F3D201}" type="pres">
      <dgm:prSet presAssocID="{01706D5E-AA2F-42E8-8046-53E374352725}" presName="textNode" presStyleLbl="bgShp" presStyleIdx="1" presStyleCnt="4"/>
      <dgm:spPr/>
    </dgm:pt>
    <dgm:pt modelId="{79ECC1D0-EC12-425F-969F-B83851EF6062}" type="pres">
      <dgm:prSet presAssocID="{01706D5E-AA2F-42E8-8046-53E374352725}" presName="compChildNode" presStyleCnt="0"/>
      <dgm:spPr/>
    </dgm:pt>
    <dgm:pt modelId="{D9EF8825-FC81-4670-B679-C4257DC2713B}" type="pres">
      <dgm:prSet presAssocID="{01706D5E-AA2F-42E8-8046-53E374352725}" presName="theInnerList" presStyleCnt="0"/>
      <dgm:spPr/>
    </dgm:pt>
    <dgm:pt modelId="{286E62F3-33BB-4A76-872B-ABE5A3B9B486}" type="pres">
      <dgm:prSet presAssocID="{A8E1C5A8-E64A-4BAC-91BB-C2CD7A987267}" presName="childNode" presStyleLbl="node1" presStyleIdx="2" presStyleCnt="12">
        <dgm:presLayoutVars>
          <dgm:bulletEnabled val="1"/>
        </dgm:presLayoutVars>
      </dgm:prSet>
      <dgm:spPr/>
    </dgm:pt>
    <dgm:pt modelId="{8D077FF3-36D1-42F3-8D3C-35051A60C4ED}" type="pres">
      <dgm:prSet presAssocID="{A8E1C5A8-E64A-4BAC-91BB-C2CD7A987267}" presName="aSpace2" presStyleCnt="0"/>
      <dgm:spPr/>
    </dgm:pt>
    <dgm:pt modelId="{2434DDA1-B30B-40ED-91B2-1B26BA90AB96}" type="pres">
      <dgm:prSet presAssocID="{9CA0DBE9-F7AE-4920-B96E-3D6C00DA3A14}" presName="childNode" presStyleLbl="node1" presStyleIdx="3" presStyleCnt="12">
        <dgm:presLayoutVars>
          <dgm:bulletEnabled val="1"/>
        </dgm:presLayoutVars>
      </dgm:prSet>
      <dgm:spPr/>
    </dgm:pt>
    <dgm:pt modelId="{930A6C57-BB37-493C-8FBD-E8D03823E8DB}" type="pres">
      <dgm:prSet presAssocID="{01706D5E-AA2F-42E8-8046-53E374352725}" presName="aSpace" presStyleCnt="0"/>
      <dgm:spPr/>
    </dgm:pt>
    <dgm:pt modelId="{F772E413-CAD4-49A3-A0A4-8A2A21E8EAE7}" type="pres">
      <dgm:prSet presAssocID="{6C0EE7A6-8090-49E9-8940-96B3C2272116}" presName="compNode" presStyleCnt="0"/>
      <dgm:spPr/>
    </dgm:pt>
    <dgm:pt modelId="{7185C12F-801F-4008-BD5F-C5B716CA1DB4}" type="pres">
      <dgm:prSet presAssocID="{6C0EE7A6-8090-49E9-8940-96B3C2272116}" presName="aNode" presStyleLbl="bgShp" presStyleIdx="2" presStyleCnt="4"/>
      <dgm:spPr/>
    </dgm:pt>
    <dgm:pt modelId="{3F04818B-22A7-43C8-810E-B59C6933E0A0}" type="pres">
      <dgm:prSet presAssocID="{6C0EE7A6-8090-49E9-8940-96B3C2272116}" presName="textNode" presStyleLbl="bgShp" presStyleIdx="2" presStyleCnt="4"/>
      <dgm:spPr/>
    </dgm:pt>
    <dgm:pt modelId="{EC0C18BD-A9F2-4FC7-AB55-B02545424DF4}" type="pres">
      <dgm:prSet presAssocID="{6C0EE7A6-8090-49E9-8940-96B3C2272116}" presName="compChildNode" presStyleCnt="0"/>
      <dgm:spPr/>
    </dgm:pt>
    <dgm:pt modelId="{1947A1EC-04B5-4C15-8456-B146424C00F3}" type="pres">
      <dgm:prSet presAssocID="{6C0EE7A6-8090-49E9-8940-96B3C2272116}" presName="theInnerList" presStyleCnt="0"/>
      <dgm:spPr/>
    </dgm:pt>
    <dgm:pt modelId="{19A6A3E8-E200-44E8-80CE-0546214A8014}" type="pres">
      <dgm:prSet presAssocID="{91D4BAB2-F573-46D9-ACCF-222096FCFB43}" presName="childNode" presStyleLbl="node1" presStyleIdx="4" presStyleCnt="12">
        <dgm:presLayoutVars>
          <dgm:bulletEnabled val="1"/>
        </dgm:presLayoutVars>
      </dgm:prSet>
      <dgm:spPr/>
    </dgm:pt>
    <dgm:pt modelId="{301A5C1D-56C5-4FA2-9A1C-D03652507C77}" type="pres">
      <dgm:prSet presAssocID="{91D4BAB2-F573-46D9-ACCF-222096FCFB43}" presName="aSpace2" presStyleCnt="0"/>
      <dgm:spPr/>
    </dgm:pt>
    <dgm:pt modelId="{349012CB-9997-4A13-A51C-22CF450117A8}" type="pres">
      <dgm:prSet presAssocID="{F700977F-5C87-44B0-9353-82F088EFAC0F}" presName="childNode" presStyleLbl="node1" presStyleIdx="5" presStyleCnt="12">
        <dgm:presLayoutVars>
          <dgm:bulletEnabled val="1"/>
        </dgm:presLayoutVars>
      </dgm:prSet>
      <dgm:spPr/>
    </dgm:pt>
    <dgm:pt modelId="{C9F4785C-1583-4B23-8543-49C59CA4675F}" type="pres">
      <dgm:prSet presAssocID="{F700977F-5C87-44B0-9353-82F088EFAC0F}" presName="aSpace2" presStyleCnt="0"/>
      <dgm:spPr/>
    </dgm:pt>
    <dgm:pt modelId="{00BE55B1-0CB4-47E3-8B5F-DAFCDCADCE44}" type="pres">
      <dgm:prSet presAssocID="{FAA27CA7-BFCB-40F5-9257-D1597572C1F0}" presName="childNode" presStyleLbl="node1" presStyleIdx="6" presStyleCnt="12">
        <dgm:presLayoutVars>
          <dgm:bulletEnabled val="1"/>
        </dgm:presLayoutVars>
      </dgm:prSet>
      <dgm:spPr/>
    </dgm:pt>
    <dgm:pt modelId="{3C1902EC-8B95-4AC1-9D94-EBC042577DDB}" type="pres">
      <dgm:prSet presAssocID="{FAA27CA7-BFCB-40F5-9257-D1597572C1F0}" presName="aSpace2" presStyleCnt="0"/>
      <dgm:spPr/>
    </dgm:pt>
    <dgm:pt modelId="{5D65B90B-E79E-4815-B463-BFFBA5AD8A8D}" type="pres">
      <dgm:prSet presAssocID="{8E9E7293-303D-4923-8732-FDACB79BE8F9}" presName="childNode" presStyleLbl="node1" presStyleIdx="7" presStyleCnt="12">
        <dgm:presLayoutVars>
          <dgm:bulletEnabled val="1"/>
        </dgm:presLayoutVars>
      </dgm:prSet>
      <dgm:spPr/>
    </dgm:pt>
    <dgm:pt modelId="{C432D540-FDB5-43E2-9EE7-6CEE406AB6C8}" type="pres">
      <dgm:prSet presAssocID="{8E9E7293-303D-4923-8732-FDACB79BE8F9}" presName="aSpace2" presStyleCnt="0"/>
      <dgm:spPr/>
    </dgm:pt>
    <dgm:pt modelId="{EBD83A6E-9C9A-4E28-99A6-83E56E3B0619}" type="pres">
      <dgm:prSet presAssocID="{3558C72B-FD45-49BC-8E92-3B865FD39DD7}" presName="childNode" presStyleLbl="node1" presStyleIdx="8" presStyleCnt="12">
        <dgm:presLayoutVars>
          <dgm:bulletEnabled val="1"/>
        </dgm:presLayoutVars>
      </dgm:prSet>
      <dgm:spPr/>
    </dgm:pt>
    <dgm:pt modelId="{83BD29E1-C3A3-4F86-BB96-B48C97373E0B}" type="pres">
      <dgm:prSet presAssocID="{6C0EE7A6-8090-49E9-8940-96B3C2272116}" presName="aSpace" presStyleCnt="0"/>
      <dgm:spPr/>
    </dgm:pt>
    <dgm:pt modelId="{9A7EC3ED-9B3C-4429-AD40-1E1103E39A62}" type="pres">
      <dgm:prSet presAssocID="{1DF46E3E-5C8C-4E79-B57C-C79B69605505}" presName="compNode" presStyleCnt="0"/>
      <dgm:spPr/>
    </dgm:pt>
    <dgm:pt modelId="{035777C6-256E-4DD5-BCC3-788AEE5F4B48}" type="pres">
      <dgm:prSet presAssocID="{1DF46E3E-5C8C-4E79-B57C-C79B69605505}" presName="aNode" presStyleLbl="bgShp" presStyleIdx="3" presStyleCnt="4"/>
      <dgm:spPr/>
    </dgm:pt>
    <dgm:pt modelId="{B6CF2A95-C61A-47AC-8C2E-F051B7471709}" type="pres">
      <dgm:prSet presAssocID="{1DF46E3E-5C8C-4E79-B57C-C79B69605505}" presName="textNode" presStyleLbl="bgShp" presStyleIdx="3" presStyleCnt="4"/>
      <dgm:spPr/>
    </dgm:pt>
    <dgm:pt modelId="{683C8940-65AA-4A09-86DF-75A112ABEBD1}" type="pres">
      <dgm:prSet presAssocID="{1DF46E3E-5C8C-4E79-B57C-C79B69605505}" presName="compChildNode" presStyleCnt="0"/>
      <dgm:spPr/>
    </dgm:pt>
    <dgm:pt modelId="{85F45778-60E9-4564-870F-319F21C7A3C8}" type="pres">
      <dgm:prSet presAssocID="{1DF46E3E-5C8C-4E79-B57C-C79B69605505}" presName="theInnerList" presStyleCnt="0"/>
      <dgm:spPr/>
    </dgm:pt>
    <dgm:pt modelId="{E864A846-CBE9-4F54-892D-61E9556B0F2B}" type="pres">
      <dgm:prSet presAssocID="{6818B900-E3BA-4EA5-9016-3CCE361D4570}" presName="childNode" presStyleLbl="node1" presStyleIdx="9" presStyleCnt="12">
        <dgm:presLayoutVars>
          <dgm:bulletEnabled val="1"/>
        </dgm:presLayoutVars>
      </dgm:prSet>
      <dgm:spPr/>
    </dgm:pt>
    <dgm:pt modelId="{41AA397C-B4EC-4F47-8FC5-B6BFF013CA2E}" type="pres">
      <dgm:prSet presAssocID="{6818B900-E3BA-4EA5-9016-3CCE361D4570}" presName="aSpace2" presStyleCnt="0"/>
      <dgm:spPr/>
    </dgm:pt>
    <dgm:pt modelId="{72F10D07-52B6-46EC-BF1F-C307DBFCFC7E}" type="pres">
      <dgm:prSet presAssocID="{7F4263D7-B37C-434E-AAD9-4E3FDD002B72}" presName="childNode" presStyleLbl="node1" presStyleIdx="10" presStyleCnt="12">
        <dgm:presLayoutVars>
          <dgm:bulletEnabled val="1"/>
        </dgm:presLayoutVars>
      </dgm:prSet>
      <dgm:spPr/>
    </dgm:pt>
    <dgm:pt modelId="{37277596-A3F7-4EB9-AA93-7FD64F6BC459}" type="pres">
      <dgm:prSet presAssocID="{7F4263D7-B37C-434E-AAD9-4E3FDD002B72}" presName="aSpace2" presStyleCnt="0"/>
      <dgm:spPr/>
    </dgm:pt>
    <dgm:pt modelId="{FBE27649-EA3D-4EBB-833F-8F38E0C896B3}" type="pres">
      <dgm:prSet presAssocID="{C04E1F46-001C-4A89-8FE3-913943CA94C4}" presName="childNode" presStyleLbl="node1" presStyleIdx="11" presStyleCnt="12">
        <dgm:presLayoutVars>
          <dgm:bulletEnabled val="1"/>
        </dgm:presLayoutVars>
      </dgm:prSet>
      <dgm:spPr/>
    </dgm:pt>
  </dgm:ptLst>
  <dgm:cxnLst>
    <dgm:cxn modelId="{DC6C6F01-CFB6-4614-A11E-33FABE9102BA}" srcId="{A0C777C8-A140-4745-850E-E85B7CDCE49B}" destId="{C7E162F6-5EA1-4DD0-A5F2-BAFA1951AC05}" srcOrd="1" destOrd="0" parTransId="{0D05DA59-8482-4B05-A105-A23B075011D6}" sibTransId="{E09C4440-0E41-41FB-AF96-D8CA5BDB6E7B}"/>
    <dgm:cxn modelId="{900A0608-8ABD-4E79-A479-6AD1C07D596C}" srcId="{6C0EE7A6-8090-49E9-8940-96B3C2272116}" destId="{8E9E7293-303D-4923-8732-FDACB79BE8F9}" srcOrd="3" destOrd="0" parTransId="{E83D861D-B1F3-464A-96EC-0D122B263FEB}" sibTransId="{F86210FA-1783-4E1D-B57B-EC53D5B649A0}"/>
    <dgm:cxn modelId="{7173530C-9ED2-49AB-A551-2C7F74833FD9}" type="presOf" srcId="{193705A9-1084-419E-B3CC-87593B152BF1}" destId="{DFFC09EC-2DCA-482A-B868-583261711805}" srcOrd="0" destOrd="0" presId="urn:microsoft.com/office/officeart/2005/8/layout/lProcess2"/>
    <dgm:cxn modelId="{67A6D90C-49CB-4538-ABC9-617DDD3F06B6}" type="presOf" srcId="{C04E1F46-001C-4A89-8FE3-913943CA94C4}" destId="{FBE27649-EA3D-4EBB-833F-8F38E0C896B3}" srcOrd="0" destOrd="0" presId="urn:microsoft.com/office/officeart/2005/8/layout/lProcess2"/>
    <dgm:cxn modelId="{D25ABD11-05FB-42DE-B5C5-E4B8DE68D3BC}" type="presOf" srcId="{01706D5E-AA2F-42E8-8046-53E374352725}" destId="{B7C1A5C8-E47F-4192-828A-39C325F3D201}" srcOrd="1" destOrd="0" presId="urn:microsoft.com/office/officeart/2005/8/layout/lProcess2"/>
    <dgm:cxn modelId="{2A65FD13-7743-4095-846A-D2BD3C6FF4C2}" srcId="{6C0EE7A6-8090-49E9-8940-96B3C2272116}" destId="{3558C72B-FD45-49BC-8E92-3B865FD39DD7}" srcOrd="4" destOrd="0" parTransId="{27C1AE35-F567-47C2-B478-B91F1A3A36F4}" sibTransId="{E7EBCC78-283D-4DDE-A5B9-99CEABA54610}"/>
    <dgm:cxn modelId="{CFEA9215-53DF-4253-84D0-1378F1304CA5}" type="presOf" srcId="{6C0EE7A6-8090-49E9-8940-96B3C2272116}" destId="{3F04818B-22A7-43C8-810E-B59C6933E0A0}" srcOrd="1" destOrd="0" presId="urn:microsoft.com/office/officeart/2005/8/layout/lProcess2"/>
    <dgm:cxn modelId="{9534D11D-FA0D-4A78-880B-A3E15DCB9B12}" srcId="{6C0EE7A6-8090-49E9-8940-96B3C2272116}" destId="{FAA27CA7-BFCB-40F5-9257-D1597572C1F0}" srcOrd="2" destOrd="0" parTransId="{9F0A93E9-2D65-408A-8883-B1EBF352BE90}" sibTransId="{931D220C-A355-4D79-A5EE-707D93241148}"/>
    <dgm:cxn modelId="{DE30EC22-55DB-4B24-A134-B1CE69C590DE}" type="presOf" srcId="{FAA27CA7-BFCB-40F5-9257-D1597572C1F0}" destId="{00BE55B1-0CB4-47E3-8B5F-DAFCDCADCE44}" srcOrd="0" destOrd="0" presId="urn:microsoft.com/office/officeart/2005/8/layout/lProcess2"/>
    <dgm:cxn modelId="{768B5D24-C28D-42AD-8476-DD0B6CE6D40A}" srcId="{1DF46E3E-5C8C-4E79-B57C-C79B69605505}" destId="{6818B900-E3BA-4EA5-9016-3CCE361D4570}" srcOrd="0" destOrd="0" parTransId="{3F55CA46-02BD-43C8-8772-8158D459AC8A}" sibTransId="{ACA60159-AC0C-4F9C-A5D1-BF78E50311C4}"/>
    <dgm:cxn modelId="{C61B5F2A-0175-4140-B600-6E28C136DA59}" type="presOf" srcId="{8AF72328-D138-4678-AC00-2D36858D0B56}" destId="{1B0214C8-904D-450B-A6EE-43EBF878EEF0}" srcOrd="0" destOrd="0" presId="urn:microsoft.com/office/officeart/2005/8/layout/lProcess2"/>
    <dgm:cxn modelId="{C5E8392B-0CC4-4A98-804E-072A28FFD2B3}" type="presOf" srcId="{F700977F-5C87-44B0-9353-82F088EFAC0F}" destId="{349012CB-9997-4A13-A51C-22CF450117A8}" srcOrd="0" destOrd="0" presId="urn:microsoft.com/office/officeart/2005/8/layout/lProcess2"/>
    <dgm:cxn modelId="{0552D32F-4EF0-42EE-A8D9-131D2D454895}" srcId="{01706D5E-AA2F-42E8-8046-53E374352725}" destId="{9CA0DBE9-F7AE-4920-B96E-3D6C00DA3A14}" srcOrd="1" destOrd="0" parTransId="{F33B4302-61C1-4A39-9E0E-C7ADA22F3B5D}" sibTransId="{60C68CE3-1056-4576-8710-71540793D071}"/>
    <dgm:cxn modelId="{816CBD34-BDAB-4343-A1AC-B966F4DF9DAA}" type="presOf" srcId="{A0C777C8-A140-4745-850E-E85B7CDCE49B}" destId="{99E362D7-B7D6-4F42-BD84-B0451F6B19D6}" srcOrd="1" destOrd="0" presId="urn:microsoft.com/office/officeart/2005/8/layout/lProcess2"/>
    <dgm:cxn modelId="{C1E5CE34-D0C3-4FF2-9908-91A467CC02AB}" type="presOf" srcId="{1DF46E3E-5C8C-4E79-B57C-C79B69605505}" destId="{B6CF2A95-C61A-47AC-8C2E-F051B7471709}" srcOrd="1" destOrd="0" presId="urn:microsoft.com/office/officeart/2005/8/layout/lProcess2"/>
    <dgm:cxn modelId="{8BDBDE34-ADF6-41EF-8669-5A9BD0D6EB3E}" type="presOf" srcId="{A8E1C5A8-E64A-4BAC-91BB-C2CD7A987267}" destId="{286E62F3-33BB-4A76-872B-ABE5A3B9B486}" srcOrd="0" destOrd="0" presId="urn:microsoft.com/office/officeart/2005/8/layout/lProcess2"/>
    <dgm:cxn modelId="{FDD66A3A-A574-4719-AC31-309DCB31FD59}" type="presOf" srcId="{9CA0DBE9-F7AE-4920-B96E-3D6C00DA3A14}" destId="{2434DDA1-B30B-40ED-91B2-1B26BA90AB96}" srcOrd="0" destOrd="0" presId="urn:microsoft.com/office/officeart/2005/8/layout/lProcess2"/>
    <dgm:cxn modelId="{5EF3275D-6C79-4141-A125-C2A203CABB48}" type="presOf" srcId="{A0C777C8-A140-4745-850E-E85B7CDCE49B}" destId="{AA274FD8-52CE-44AE-942F-90BFDB36F4EE}" srcOrd="0" destOrd="0" presId="urn:microsoft.com/office/officeart/2005/8/layout/lProcess2"/>
    <dgm:cxn modelId="{19A0425E-A491-45A4-815F-AA430728016A}" srcId="{8AF72328-D138-4678-AC00-2D36858D0B56}" destId="{6C0EE7A6-8090-49E9-8940-96B3C2272116}" srcOrd="2" destOrd="0" parTransId="{879E8FF6-18FC-4AB4-875C-F2E97536DDE1}" sibTransId="{4E40A042-6CFD-4C00-86BE-149C5DBEBC64}"/>
    <dgm:cxn modelId="{5157F950-4135-4092-B8CD-B1138289E96A}" srcId="{8AF72328-D138-4678-AC00-2D36858D0B56}" destId="{1DF46E3E-5C8C-4E79-B57C-C79B69605505}" srcOrd="3" destOrd="0" parTransId="{0C15061A-C918-468F-A06C-8DC964BD4B4F}" sibTransId="{33BE4CA6-CBA7-4B52-ABFF-9A3CA94866F5}"/>
    <dgm:cxn modelId="{A8367854-3C3E-4550-A451-BD5F3B477E6D}" type="presOf" srcId="{7F4263D7-B37C-434E-AAD9-4E3FDD002B72}" destId="{72F10D07-52B6-46EC-BF1F-C307DBFCFC7E}" srcOrd="0" destOrd="0" presId="urn:microsoft.com/office/officeart/2005/8/layout/lProcess2"/>
    <dgm:cxn modelId="{EC4BE657-BE2A-4BB3-B396-168B2D99DA71}" type="presOf" srcId="{3558C72B-FD45-49BC-8E92-3B865FD39DD7}" destId="{EBD83A6E-9C9A-4E28-99A6-83E56E3B0619}" srcOrd="0" destOrd="0" presId="urn:microsoft.com/office/officeart/2005/8/layout/lProcess2"/>
    <dgm:cxn modelId="{AC06B25A-6826-40EE-8D24-7A6318E9E1A2}" type="presOf" srcId="{91D4BAB2-F573-46D9-ACCF-222096FCFB43}" destId="{19A6A3E8-E200-44E8-80CE-0546214A8014}" srcOrd="0" destOrd="0" presId="urn:microsoft.com/office/officeart/2005/8/layout/lProcess2"/>
    <dgm:cxn modelId="{D786C28F-3C62-418D-A661-082D1881B68C}" srcId="{A0C777C8-A140-4745-850E-E85B7CDCE49B}" destId="{193705A9-1084-419E-B3CC-87593B152BF1}" srcOrd="0" destOrd="0" parTransId="{90A73F7A-36C4-443C-9ED8-CCABD769139B}" sibTransId="{5383C71B-DABB-404E-8FBD-910A73D1F061}"/>
    <dgm:cxn modelId="{6A3C8FA2-5435-4E96-9333-99A4F3435248}" type="presOf" srcId="{6818B900-E3BA-4EA5-9016-3CCE361D4570}" destId="{E864A846-CBE9-4F54-892D-61E9556B0F2B}" srcOrd="0" destOrd="0" presId="urn:microsoft.com/office/officeart/2005/8/layout/lProcess2"/>
    <dgm:cxn modelId="{8A20B1B1-AF29-4DDD-9FD1-ED0D2D6DB743}" type="presOf" srcId="{8E9E7293-303D-4923-8732-FDACB79BE8F9}" destId="{5D65B90B-E79E-4815-B463-BFFBA5AD8A8D}" srcOrd="0" destOrd="0" presId="urn:microsoft.com/office/officeart/2005/8/layout/lProcess2"/>
    <dgm:cxn modelId="{5FD594BE-FCF2-4232-A7D2-4B8E345F1A2D}" type="presOf" srcId="{C7E162F6-5EA1-4DD0-A5F2-BAFA1951AC05}" destId="{9E5BDAF7-B3C5-46F1-BDE1-61267E73E0D7}" srcOrd="0" destOrd="0" presId="urn:microsoft.com/office/officeart/2005/8/layout/lProcess2"/>
    <dgm:cxn modelId="{F6E6B8BE-4FE3-4208-BE32-E8121A73F9D2}" srcId="{6C0EE7A6-8090-49E9-8940-96B3C2272116}" destId="{91D4BAB2-F573-46D9-ACCF-222096FCFB43}" srcOrd="0" destOrd="0" parTransId="{1287CCE2-2E68-45E0-BFAD-B6C1C1EC57EE}" sibTransId="{97454FD8-F03B-4C7A-8A09-E2392B435C2D}"/>
    <dgm:cxn modelId="{F59FBEBF-D832-4342-995A-8410BDC47E85}" srcId="{01706D5E-AA2F-42E8-8046-53E374352725}" destId="{A8E1C5A8-E64A-4BAC-91BB-C2CD7A987267}" srcOrd="0" destOrd="0" parTransId="{D2242029-C20D-4484-9CEB-C96C8167C197}" sibTransId="{270F36FB-7103-4635-B41A-059DA1EE5155}"/>
    <dgm:cxn modelId="{307AEEC3-B2EA-4FF9-95B5-18C6203901FC}" srcId="{6C0EE7A6-8090-49E9-8940-96B3C2272116}" destId="{F700977F-5C87-44B0-9353-82F088EFAC0F}" srcOrd="1" destOrd="0" parTransId="{A2F79A59-A167-44A5-99C7-7FFB9ECCE22C}" sibTransId="{DD7ED69B-2C31-4C20-8EBB-75A43238097E}"/>
    <dgm:cxn modelId="{973469C4-7EEC-41C6-9E33-D5F769BDA50B}" srcId="{8AF72328-D138-4678-AC00-2D36858D0B56}" destId="{A0C777C8-A140-4745-850E-E85B7CDCE49B}" srcOrd="0" destOrd="0" parTransId="{20745F84-CEB7-454B-AB5D-3C74EF864155}" sibTransId="{F4F125A4-CACC-4ED1-9FBF-FD56E5DD20D5}"/>
    <dgm:cxn modelId="{E275B6C6-6339-4CC9-AA8B-80E5D4049C8F}" type="presOf" srcId="{01706D5E-AA2F-42E8-8046-53E374352725}" destId="{0DCB58FC-99EA-4D60-8DD2-0C3634E4B879}" srcOrd="0" destOrd="0" presId="urn:microsoft.com/office/officeart/2005/8/layout/lProcess2"/>
    <dgm:cxn modelId="{202863CD-148B-4A8E-823F-28CD8980097A}" type="presOf" srcId="{1DF46E3E-5C8C-4E79-B57C-C79B69605505}" destId="{035777C6-256E-4DD5-BCC3-788AEE5F4B48}" srcOrd="0" destOrd="0" presId="urn:microsoft.com/office/officeart/2005/8/layout/lProcess2"/>
    <dgm:cxn modelId="{7BE822DA-DB2E-4E51-B5BE-8B0EAEE4BBD4}" srcId="{1DF46E3E-5C8C-4E79-B57C-C79B69605505}" destId="{7F4263D7-B37C-434E-AAD9-4E3FDD002B72}" srcOrd="1" destOrd="0" parTransId="{EA3CC5D8-A5F8-4F9A-9AB5-7D4A70A09E64}" sibTransId="{854649A3-6822-4E5C-B7C9-C97363A7B9ED}"/>
    <dgm:cxn modelId="{83972AE2-99FF-49C5-8818-B24F5AAE2EE4}" srcId="{1DF46E3E-5C8C-4E79-B57C-C79B69605505}" destId="{C04E1F46-001C-4A89-8FE3-913943CA94C4}" srcOrd="2" destOrd="0" parTransId="{27AE8365-83E3-4DA3-84C7-AB6379BF3984}" sibTransId="{F656793E-39C4-4E05-835B-462711651E6B}"/>
    <dgm:cxn modelId="{E23539E2-298E-4E9C-B83B-E752593B3EF1}" srcId="{8AF72328-D138-4678-AC00-2D36858D0B56}" destId="{01706D5E-AA2F-42E8-8046-53E374352725}" srcOrd="1" destOrd="0" parTransId="{FD42B9C8-0C19-49BE-8502-4213978ADF2E}" sibTransId="{DECA4821-36C2-4263-BD70-166393F53C8E}"/>
    <dgm:cxn modelId="{D81032FF-5ACD-4A7F-9C6D-38566DA34D6F}" type="presOf" srcId="{6C0EE7A6-8090-49E9-8940-96B3C2272116}" destId="{7185C12F-801F-4008-BD5F-C5B716CA1DB4}" srcOrd="0" destOrd="0" presId="urn:microsoft.com/office/officeart/2005/8/layout/lProcess2"/>
    <dgm:cxn modelId="{C18B6A9D-84C3-429C-9A0D-818FE86DB7EF}" type="presParOf" srcId="{1B0214C8-904D-450B-A6EE-43EBF878EEF0}" destId="{538F7290-DA11-4B61-9571-75007401EB18}" srcOrd="0" destOrd="0" presId="urn:microsoft.com/office/officeart/2005/8/layout/lProcess2"/>
    <dgm:cxn modelId="{E33B8EA2-C1D6-4B19-BFD7-B6F40F26F0DF}" type="presParOf" srcId="{538F7290-DA11-4B61-9571-75007401EB18}" destId="{AA274FD8-52CE-44AE-942F-90BFDB36F4EE}" srcOrd="0" destOrd="0" presId="urn:microsoft.com/office/officeart/2005/8/layout/lProcess2"/>
    <dgm:cxn modelId="{1FB24018-93D1-487F-B2C6-CF794598739A}" type="presParOf" srcId="{538F7290-DA11-4B61-9571-75007401EB18}" destId="{99E362D7-B7D6-4F42-BD84-B0451F6B19D6}" srcOrd="1" destOrd="0" presId="urn:microsoft.com/office/officeart/2005/8/layout/lProcess2"/>
    <dgm:cxn modelId="{9BD33220-181C-41CC-81BC-18AB19FF949A}" type="presParOf" srcId="{538F7290-DA11-4B61-9571-75007401EB18}" destId="{286CD4DE-4D00-4665-BA73-DC28C440E927}" srcOrd="2" destOrd="0" presId="urn:microsoft.com/office/officeart/2005/8/layout/lProcess2"/>
    <dgm:cxn modelId="{0C434760-A35F-4028-83B1-6B9DF576D237}" type="presParOf" srcId="{286CD4DE-4D00-4665-BA73-DC28C440E927}" destId="{AF1E1797-76B7-4FFC-8672-A520A12E9285}" srcOrd="0" destOrd="0" presId="urn:microsoft.com/office/officeart/2005/8/layout/lProcess2"/>
    <dgm:cxn modelId="{BB0A01E6-09CF-475B-99BB-C1F2491A8AF7}" type="presParOf" srcId="{AF1E1797-76B7-4FFC-8672-A520A12E9285}" destId="{DFFC09EC-2DCA-482A-B868-583261711805}" srcOrd="0" destOrd="0" presId="urn:microsoft.com/office/officeart/2005/8/layout/lProcess2"/>
    <dgm:cxn modelId="{8A50B3A0-41EC-4C82-9556-F9631ACCC793}" type="presParOf" srcId="{AF1E1797-76B7-4FFC-8672-A520A12E9285}" destId="{415871A3-11FE-46A2-B4C7-7152D0E8EB7F}" srcOrd="1" destOrd="0" presId="urn:microsoft.com/office/officeart/2005/8/layout/lProcess2"/>
    <dgm:cxn modelId="{F2D5D84F-7239-4E6C-8BFA-0507157FBD54}" type="presParOf" srcId="{AF1E1797-76B7-4FFC-8672-A520A12E9285}" destId="{9E5BDAF7-B3C5-46F1-BDE1-61267E73E0D7}" srcOrd="2" destOrd="0" presId="urn:microsoft.com/office/officeart/2005/8/layout/lProcess2"/>
    <dgm:cxn modelId="{8E34997E-94C2-4EBA-AFA4-F236CD345E1F}" type="presParOf" srcId="{1B0214C8-904D-450B-A6EE-43EBF878EEF0}" destId="{F7F4D1A7-08FB-4760-B65D-35E886D9E092}" srcOrd="1" destOrd="0" presId="urn:microsoft.com/office/officeart/2005/8/layout/lProcess2"/>
    <dgm:cxn modelId="{B01B7E28-989C-40EB-BBB9-9A46C0CA4050}" type="presParOf" srcId="{1B0214C8-904D-450B-A6EE-43EBF878EEF0}" destId="{D6BE3339-C777-4181-B7B2-4549AEFF923D}" srcOrd="2" destOrd="0" presId="urn:microsoft.com/office/officeart/2005/8/layout/lProcess2"/>
    <dgm:cxn modelId="{29BC8A6C-996E-44A4-8A6A-831C42C25D55}" type="presParOf" srcId="{D6BE3339-C777-4181-B7B2-4549AEFF923D}" destId="{0DCB58FC-99EA-4D60-8DD2-0C3634E4B879}" srcOrd="0" destOrd="0" presId="urn:microsoft.com/office/officeart/2005/8/layout/lProcess2"/>
    <dgm:cxn modelId="{7471E7BD-3F47-4530-90FA-621F37F62C23}" type="presParOf" srcId="{D6BE3339-C777-4181-B7B2-4549AEFF923D}" destId="{B7C1A5C8-E47F-4192-828A-39C325F3D201}" srcOrd="1" destOrd="0" presId="urn:microsoft.com/office/officeart/2005/8/layout/lProcess2"/>
    <dgm:cxn modelId="{31DC7FBA-1C9B-4F60-BFB4-D95D61F87561}" type="presParOf" srcId="{D6BE3339-C777-4181-B7B2-4549AEFF923D}" destId="{79ECC1D0-EC12-425F-969F-B83851EF6062}" srcOrd="2" destOrd="0" presId="urn:microsoft.com/office/officeart/2005/8/layout/lProcess2"/>
    <dgm:cxn modelId="{862D7FB9-95DB-4704-82EC-B6C7598EB811}" type="presParOf" srcId="{79ECC1D0-EC12-425F-969F-B83851EF6062}" destId="{D9EF8825-FC81-4670-B679-C4257DC2713B}" srcOrd="0" destOrd="0" presId="urn:microsoft.com/office/officeart/2005/8/layout/lProcess2"/>
    <dgm:cxn modelId="{EC82E895-4924-43A6-BE39-497025102F04}" type="presParOf" srcId="{D9EF8825-FC81-4670-B679-C4257DC2713B}" destId="{286E62F3-33BB-4A76-872B-ABE5A3B9B486}" srcOrd="0" destOrd="0" presId="urn:microsoft.com/office/officeart/2005/8/layout/lProcess2"/>
    <dgm:cxn modelId="{28BFA2C5-D3D1-459B-B052-B82814D4A2F8}" type="presParOf" srcId="{D9EF8825-FC81-4670-B679-C4257DC2713B}" destId="{8D077FF3-36D1-42F3-8D3C-35051A60C4ED}" srcOrd="1" destOrd="0" presId="urn:microsoft.com/office/officeart/2005/8/layout/lProcess2"/>
    <dgm:cxn modelId="{41392D64-4761-48AF-87EA-199CD75F2426}" type="presParOf" srcId="{D9EF8825-FC81-4670-B679-C4257DC2713B}" destId="{2434DDA1-B30B-40ED-91B2-1B26BA90AB96}" srcOrd="2" destOrd="0" presId="urn:microsoft.com/office/officeart/2005/8/layout/lProcess2"/>
    <dgm:cxn modelId="{33D60BF4-FEF2-42B4-972D-0ECC115CACF2}" type="presParOf" srcId="{1B0214C8-904D-450B-A6EE-43EBF878EEF0}" destId="{930A6C57-BB37-493C-8FBD-E8D03823E8DB}" srcOrd="3" destOrd="0" presId="urn:microsoft.com/office/officeart/2005/8/layout/lProcess2"/>
    <dgm:cxn modelId="{9101C5D8-181C-4747-A044-25313A11F62B}" type="presParOf" srcId="{1B0214C8-904D-450B-A6EE-43EBF878EEF0}" destId="{F772E413-CAD4-49A3-A0A4-8A2A21E8EAE7}" srcOrd="4" destOrd="0" presId="urn:microsoft.com/office/officeart/2005/8/layout/lProcess2"/>
    <dgm:cxn modelId="{44CD7CE8-6B3E-4BB5-804F-48006B0EEBC1}" type="presParOf" srcId="{F772E413-CAD4-49A3-A0A4-8A2A21E8EAE7}" destId="{7185C12F-801F-4008-BD5F-C5B716CA1DB4}" srcOrd="0" destOrd="0" presId="urn:microsoft.com/office/officeart/2005/8/layout/lProcess2"/>
    <dgm:cxn modelId="{6F84F987-EFD2-4518-9DC7-03DBCE006DDE}" type="presParOf" srcId="{F772E413-CAD4-49A3-A0A4-8A2A21E8EAE7}" destId="{3F04818B-22A7-43C8-810E-B59C6933E0A0}" srcOrd="1" destOrd="0" presId="urn:microsoft.com/office/officeart/2005/8/layout/lProcess2"/>
    <dgm:cxn modelId="{ED442D88-F1FC-4404-9EFB-FC98B9F4E95E}" type="presParOf" srcId="{F772E413-CAD4-49A3-A0A4-8A2A21E8EAE7}" destId="{EC0C18BD-A9F2-4FC7-AB55-B02545424DF4}" srcOrd="2" destOrd="0" presId="urn:microsoft.com/office/officeart/2005/8/layout/lProcess2"/>
    <dgm:cxn modelId="{AFD2C5F4-FD9A-4DCD-920D-2818FE8C3AB2}" type="presParOf" srcId="{EC0C18BD-A9F2-4FC7-AB55-B02545424DF4}" destId="{1947A1EC-04B5-4C15-8456-B146424C00F3}" srcOrd="0" destOrd="0" presId="urn:microsoft.com/office/officeart/2005/8/layout/lProcess2"/>
    <dgm:cxn modelId="{E549D05F-B0A3-44AD-9CC1-F77FBFB61073}" type="presParOf" srcId="{1947A1EC-04B5-4C15-8456-B146424C00F3}" destId="{19A6A3E8-E200-44E8-80CE-0546214A8014}" srcOrd="0" destOrd="0" presId="urn:microsoft.com/office/officeart/2005/8/layout/lProcess2"/>
    <dgm:cxn modelId="{C568D4E8-3B3F-41B7-9F4C-B69864FB3BA8}" type="presParOf" srcId="{1947A1EC-04B5-4C15-8456-B146424C00F3}" destId="{301A5C1D-56C5-4FA2-9A1C-D03652507C77}" srcOrd="1" destOrd="0" presId="urn:microsoft.com/office/officeart/2005/8/layout/lProcess2"/>
    <dgm:cxn modelId="{17774A48-09D3-4C70-A65E-C375834871F3}" type="presParOf" srcId="{1947A1EC-04B5-4C15-8456-B146424C00F3}" destId="{349012CB-9997-4A13-A51C-22CF450117A8}" srcOrd="2" destOrd="0" presId="urn:microsoft.com/office/officeart/2005/8/layout/lProcess2"/>
    <dgm:cxn modelId="{6B59B542-AF86-4F49-B8B2-53E6922F0BFA}" type="presParOf" srcId="{1947A1EC-04B5-4C15-8456-B146424C00F3}" destId="{C9F4785C-1583-4B23-8543-49C59CA4675F}" srcOrd="3" destOrd="0" presId="urn:microsoft.com/office/officeart/2005/8/layout/lProcess2"/>
    <dgm:cxn modelId="{00C4FBA4-5DD3-4091-AF38-7108DA1860E3}" type="presParOf" srcId="{1947A1EC-04B5-4C15-8456-B146424C00F3}" destId="{00BE55B1-0CB4-47E3-8B5F-DAFCDCADCE44}" srcOrd="4" destOrd="0" presId="urn:microsoft.com/office/officeart/2005/8/layout/lProcess2"/>
    <dgm:cxn modelId="{19D7BDBB-E95E-4EE9-AE4F-9C524FB7EDD1}" type="presParOf" srcId="{1947A1EC-04B5-4C15-8456-B146424C00F3}" destId="{3C1902EC-8B95-4AC1-9D94-EBC042577DDB}" srcOrd="5" destOrd="0" presId="urn:microsoft.com/office/officeart/2005/8/layout/lProcess2"/>
    <dgm:cxn modelId="{06520E50-A1CF-472A-8F88-3449C167AE52}" type="presParOf" srcId="{1947A1EC-04B5-4C15-8456-B146424C00F3}" destId="{5D65B90B-E79E-4815-B463-BFFBA5AD8A8D}" srcOrd="6" destOrd="0" presId="urn:microsoft.com/office/officeart/2005/8/layout/lProcess2"/>
    <dgm:cxn modelId="{8A24E5A3-5C4C-4CA8-804F-409385E100D1}" type="presParOf" srcId="{1947A1EC-04B5-4C15-8456-B146424C00F3}" destId="{C432D540-FDB5-43E2-9EE7-6CEE406AB6C8}" srcOrd="7" destOrd="0" presId="urn:microsoft.com/office/officeart/2005/8/layout/lProcess2"/>
    <dgm:cxn modelId="{5DAB3329-3861-4584-9834-388B4C88DD70}" type="presParOf" srcId="{1947A1EC-04B5-4C15-8456-B146424C00F3}" destId="{EBD83A6E-9C9A-4E28-99A6-83E56E3B0619}" srcOrd="8" destOrd="0" presId="urn:microsoft.com/office/officeart/2005/8/layout/lProcess2"/>
    <dgm:cxn modelId="{BD7F4545-BBED-4283-8060-6D95939A6721}" type="presParOf" srcId="{1B0214C8-904D-450B-A6EE-43EBF878EEF0}" destId="{83BD29E1-C3A3-4F86-BB96-B48C97373E0B}" srcOrd="5" destOrd="0" presId="urn:microsoft.com/office/officeart/2005/8/layout/lProcess2"/>
    <dgm:cxn modelId="{E03BF33B-8CDE-49CD-915C-B0B5C8847B4A}" type="presParOf" srcId="{1B0214C8-904D-450B-A6EE-43EBF878EEF0}" destId="{9A7EC3ED-9B3C-4429-AD40-1E1103E39A62}" srcOrd="6" destOrd="0" presId="urn:microsoft.com/office/officeart/2005/8/layout/lProcess2"/>
    <dgm:cxn modelId="{513835AF-965D-45AB-A22B-07D2F8B7988B}" type="presParOf" srcId="{9A7EC3ED-9B3C-4429-AD40-1E1103E39A62}" destId="{035777C6-256E-4DD5-BCC3-788AEE5F4B48}" srcOrd="0" destOrd="0" presId="urn:microsoft.com/office/officeart/2005/8/layout/lProcess2"/>
    <dgm:cxn modelId="{2789907C-DDE7-4A7B-B506-55AE7011EF46}" type="presParOf" srcId="{9A7EC3ED-9B3C-4429-AD40-1E1103E39A62}" destId="{B6CF2A95-C61A-47AC-8C2E-F051B7471709}" srcOrd="1" destOrd="0" presId="urn:microsoft.com/office/officeart/2005/8/layout/lProcess2"/>
    <dgm:cxn modelId="{572F8DA5-FCB9-4B69-A2AC-02384E919657}" type="presParOf" srcId="{9A7EC3ED-9B3C-4429-AD40-1E1103E39A62}" destId="{683C8940-65AA-4A09-86DF-75A112ABEBD1}" srcOrd="2" destOrd="0" presId="urn:microsoft.com/office/officeart/2005/8/layout/lProcess2"/>
    <dgm:cxn modelId="{FB965E7A-2453-4FA5-8030-CADB0BF2A9BC}" type="presParOf" srcId="{683C8940-65AA-4A09-86DF-75A112ABEBD1}" destId="{85F45778-60E9-4564-870F-319F21C7A3C8}" srcOrd="0" destOrd="0" presId="urn:microsoft.com/office/officeart/2005/8/layout/lProcess2"/>
    <dgm:cxn modelId="{E60B1256-10B3-4962-8A29-79AEADDBF85F}" type="presParOf" srcId="{85F45778-60E9-4564-870F-319F21C7A3C8}" destId="{E864A846-CBE9-4F54-892D-61E9556B0F2B}" srcOrd="0" destOrd="0" presId="urn:microsoft.com/office/officeart/2005/8/layout/lProcess2"/>
    <dgm:cxn modelId="{55945843-CB52-45DE-A544-629FFB5E842F}" type="presParOf" srcId="{85F45778-60E9-4564-870F-319F21C7A3C8}" destId="{41AA397C-B4EC-4F47-8FC5-B6BFF013CA2E}" srcOrd="1" destOrd="0" presId="urn:microsoft.com/office/officeart/2005/8/layout/lProcess2"/>
    <dgm:cxn modelId="{6424DBE8-EF45-44E4-9BEB-ACC01D437602}" type="presParOf" srcId="{85F45778-60E9-4564-870F-319F21C7A3C8}" destId="{72F10D07-52B6-46EC-BF1F-C307DBFCFC7E}" srcOrd="2" destOrd="0" presId="urn:microsoft.com/office/officeart/2005/8/layout/lProcess2"/>
    <dgm:cxn modelId="{63F9CF57-F89C-4E6B-8496-291B37107D71}" type="presParOf" srcId="{85F45778-60E9-4564-870F-319F21C7A3C8}" destId="{37277596-A3F7-4EB9-AA93-7FD64F6BC459}" srcOrd="3" destOrd="0" presId="urn:microsoft.com/office/officeart/2005/8/layout/lProcess2"/>
    <dgm:cxn modelId="{4A8636D8-29B9-49FB-A4C4-441F5DE82997}" type="presParOf" srcId="{85F45778-60E9-4564-870F-319F21C7A3C8}" destId="{FBE27649-EA3D-4EBB-833F-8F38E0C896B3}" srcOrd="4" destOrd="0" presId="urn:microsoft.com/office/officeart/2005/8/layout/lProcess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CA44B419-8F1B-4467-9F0D-0DA415E5997E}" type="doc">
      <dgm:prSet loTypeId="urn:microsoft.com/office/officeart/2005/8/layout/chevron2" loCatId="list" qsTypeId="urn:microsoft.com/office/officeart/2005/8/quickstyle/simple5" qsCatId="simple" csTypeId="urn:microsoft.com/office/officeart/2005/8/colors/colorful5" csCatId="colorful" phldr="1"/>
      <dgm:spPr/>
      <dgm:t>
        <a:bodyPr/>
        <a:lstStyle/>
        <a:p>
          <a:endParaRPr lang="en-GB"/>
        </a:p>
      </dgm:t>
    </dgm:pt>
    <dgm:pt modelId="{7C00AE97-8EF8-4ED5-804C-86EB31B05971}">
      <dgm:prSet phldrT="[Text]"/>
      <dgm:spPr/>
      <dgm:t>
        <a:bodyPr/>
        <a:lstStyle/>
        <a:p>
          <a:r>
            <a:rPr lang="en-GB" dirty="0"/>
            <a:t>Legislative Review</a:t>
          </a:r>
        </a:p>
      </dgm:t>
    </dgm:pt>
    <dgm:pt modelId="{1F472B98-5575-46E4-B3B6-BD1F3F3F53BE}" type="parTrans" cxnId="{830EC767-EB14-4047-BFD3-3E68B10B7719}">
      <dgm:prSet/>
      <dgm:spPr/>
      <dgm:t>
        <a:bodyPr/>
        <a:lstStyle/>
        <a:p>
          <a:endParaRPr lang="en-GB"/>
        </a:p>
      </dgm:t>
    </dgm:pt>
    <dgm:pt modelId="{8C9F1381-2410-4441-AB1C-D46DF2138737}" type="sibTrans" cxnId="{830EC767-EB14-4047-BFD3-3E68B10B7719}">
      <dgm:prSet/>
      <dgm:spPr/>
      <dgm:t>
        <a:bodyPr/>
        <a:lstStyle/>
        <a:p>
          <a:endParaRPr lang="en-GB"/>
        </a:p>
      </dgm:t>
    </dgm:pt>
    <dgm:pt modelId="{77885736-28FB-40C5-B13B-D8C7C1F97770}">
      <dgm:prSet phldrT="[Text]"/>
      <dgm:spPr/>
      <dgm:t>
        <a:bodyPr/>
        <a:lstStyle/>
        <a:p>
          <a:pPr>
            <a:buClr>
              <a:srgbClr val="F37021"/>
            </a:buClr>
          </a:pPr>
          <a:r>
            <a:rPr lang="en-GB" dirty="0"/>
            <a:t>Current / Future Requirements</a:t>
          </a:r>
        </a:p>
      </dgm:t>
    </dgm:pt>
    <dgm:pt modelId="{93E83384-F054-4582-B7D2-C899BA50862B}" type="parTrans" cxnId="{E63DA026-9835-41BA-B40E-9FBCF06C3681}">
      <dgm:prSet/>
      <dgm:spPr/>
      <dgm:t>
        <a:bodyPr/>
        <a:lstStyle/>
        <a:p>
          <a:endParaRPr lang="en-GB"/>
        </a:p>
      </dgm:t>
    </dgm:pt>
    <dgm:pt modelId="{FC6E3F86-F594-4F39-B3FA-44C9FF9D34ED}" type="sibTrans" cxnId="{E63DA026-9835-41BA-B40E-9FBCF06C3681}">
      <dgm:prSet/>
      <dgm:spPr/>
      <dgm:t>
        <a:bodyPr/>
        <a:lstStyle/>
        <a:p>
          <a:endParaRPr lang="en-GB"/>
        </a:p>
      </dgm:t>
    </dgm:pt>
    <dgm:pt modelId="{62783DCC-4786-47C9-BEF2-ED8E7BBBB561}">
      <dgm:prSet phldrT="[Text]"/>
      <dgm:spPr/>
      <dgm:t>
        <a:bodyPr/>
        <a:lstStyle/>
        <a:p>
          <a:pPr>
            <a:buClr>
              <a:srgbClr val="F37021"/>
            </a:buClr>
          </a:pPr>
          <a:r>
            <a:rPr lang="en-GB" dirty="0"/>
            <a:t>Available Guidance</a:t>
          </a:r>
        </a:p>
      </dgm:t>
    </dgm:pt>
    <dgm:pt modelId="{AD9D91DE-81B7-481A-AD8A-01D567600515}" type="parTrans" cxnId="{EF0D210A-5BB6-46BA-AE01-D2168249F29E}">
      <dgm:prSet/>
      <dgm:spPr/>
      <dgm:t>
        <a:bodyPr/>
        <a:lstStyle/>
        <a:p>
          <a:endParaRPr lang="en-GB"/>
        </a:p>
      </dgm:t>
    </dgm:pt>
    <dgm:pt modelId="{1EF8E3C3-237C-420D-B9C2-4A5FE7941CB4}" type="sibTrans" cxnId="{EF0D210A-5BB6-46BA-AE01-D2168249F29E}">
      <dgm:prSet/>
      <dgm:spPr/>
      <dgm:t>
        <a:bodyPr/>
        <a:lstStyle/>
        <a:p>
          <a:endParaRPr lang="en-GB"/>
        </a:p>
      </dgm:t>
    </dgm:pt>
    <dgm:pt modelId="{ED895B24-A8F5-423C-88C3-1AA69377E6DA}">
      <dgm:prSet phldrT="[Text]"/>
      <dgm:spPr/>
      <dgm:t>
        <a:bodyPr/>
        <a:lstStyle/>
        <a:p>
          <a:r>
            <a:rPr lang="en-GB"/>
            <a:t>Stakeholder Engagement</a:t>
          </a:r>
          <a:endParaRPr lang="en-GB" dirty="0"/>
        </a:p>
      </dgm:t>
    </dgm:pt>
    <dgm:pt modelId="{AB36872E-4982-450A-A902-6C821899EA51}" type="parTrans" cxnId="{7B2E1FEE-8738-4DF2-8032-A70EEE8C4D74}">
      <dgm:prSet/>
      <dgm:spPr/>
      <dgm:t>
        <a:bodyPr/>
        <a:lstStyle/>
        <a:p>
          <a:endParaRPr lang="en-GB"/>
        </a:p>
      </dgm:t>
    </dgm:pt>
    <dgm:pt modelId="{2857F573-0EA3-4DCD-9E75-289077ADE21A}" type="sibTrans" cxnId="{7B2E1FEE-8738-4DF2-8032-A70EEE8C4D74}">
      <dgm:prSet/>
      <dgm:spPr/>
      <dgm:t>
        <a:bodyPr/>
        <a:lstStyle/>
        <a:p>
          <a:endParaRPr lang="en-GB"/>
        </a:p>
      </dgm:t>
    </dgm:pt>
    <dgm:pt modelId="{757FA63E-1326-4C11-AD9C-EE448F64095A}">
      <dgm:prSet phldrT="[Text]"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+mn-lt"/>
              <a:ea typeface="+mn-ea"/>
              <a:cs typeface="+mn-cs"/>
            </a:rPr>
            <a:t>Interviews</a:t>
          </a:r>
        </a:p>
      </dgm:t>
    </dgm:pt>
    <dgm:pt modelId="{DCA02AF8-F85F-4573-802E-A10599137E8D}" type="parTrans" cxnId="{AB8AE275-12C7-421C-837B-E10F3199D069}">
      <dgm:prSet/>
      <dgm:spPr/>
      <dgm:t>
        <a:bodyPr/>
        <a:lstStyle/>
        <a:p>
          <a:endParaRPr lang="en-GB"/>
        </a:p>
      </dgm:t>
    </dgm:pt>
    <dgm:pt modelId="{B3457B2F-FCDA-4477-A755-4FDA274C33B5}" type="sibTrans" cxnId="{AB8AE275-12C7-421C-837B-E10F3199D069}">
      <dgm:prSet/>
      <dgm:spPr/>
      <dgm:t>
        <a:bodyPr/>
        <a:lstStyle/>
        <a:p>
          <a:endParaRPr lang="en-GB"/>
        </a:p>
      </dgm:t>
    </dgm:pt>
    <dgm:pt modelId="{B29E1A2F-B153-44B1-ACE9-62650FCD6071}">
      <dgm:prSet phldrT="[Text]"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+mn-lt"/>
              <a:ea typeface="+mn-ea"/>
              <a:cs typeface="+mn-cs"/>
            </a:rPr>
            <a:t>Questionnaires</a:t>
          </a:r>
        </a:p>
      </dgm:t>
    </dgm:pt>
    <dgm:pt modelId="{5AECB308-EF75-472E-BBA6-A88FDAC348E7}" type="parTrans" cxnId="{3B82664F-A4D3-4D4D-BDB2-0DF3BD868622}">
      <dgm:prSet/>
      <dgm:spPr/>
      <dgm:t>
        <a:bodyPr/>
        <a:lstStyle/>
        <a:p>
          <a:endParaRPr lang="en-GB"/>
        </a:p>
      </dgm:t>
    </dgm:pt>
    <dgm:pt modelId="{35A3A855-8904-4523-A36E-8CAD4DB4384A}" type="sibTrans" cxnId="{3B82664F-A4D3-4D4D-BDB2-0DF3BD868622}">
      <dgm:prSet/>
      <dgm:spPr/>
      <dgm:t>
        <a:bodyPr/>
        <a:lstStyle/>
        <a:p>
          <a:endParaRPr lang="en-GB"/>
        </a:p>
      </dgm:t>
    </dgm:pt>
    <dgm:pt modelId="{775834EE-EC10-4222-A404-B38E131D968B}">
      <dgm:prSet phldrT="[Text]"/>
      <dgm:spPr/>
      <dgm:t>
        <a:bodyPr/>
        <a:lstStyle/>
        <a:p>
          <a:r>
            <a:rPr lang="en-GB"/>
            <a:t>Findings</a:t>
          </a:r>
          <a:endParaRPr lang="en-GB" dirty="0"/>
        </a:p>
      </dgm:t>
    </dgm:pt>
    <dgm:pt modelId="{5A8E5955-B658-4B31-A5F3-2808BFB63741}" type="parTrans" cxnId="{77E05DDB-DEB0-44B7-8A4A-2FDB46834B86}">
      <dgm:prSet/>
      <dgm:spPr/>
      <dgm:t>
        <a:bodyPr/>
        <a:lstStyle/>
        <a:p>
          <a:endParaRPr lang="en-GB"/>
        </a:p>
      </dgm:t>
    </dgm:pt>
    <dgm:pt modelId="{F04FFCF5-7C45-421E-886C-AE800338105B}" type="sibTrans" cxnId="{77E05DDB-DEB0-44B7-8A4A-2FDB46834B86}">
      <dgm:prSet/>
      <dgm:spPr/>
      <dgm:t>
        <a:bodyPr/>
        <a:lstStyle/>
        <a:p>
          <a:endParaRPr lang="en-GB"/>
        </a:p>
      </dgm:t>
    </dgm:pt>
    <dgm:pt modelId="{F40383F0-F16D-47E2-9D6E-4E70DDAF4EEC}">
      <dgm:prSet phldrT="[Text]"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+mn-lt"/>
              <a:ea typeface="+mn-ea"/>
              <a:cs typeface="+mn-cs"/>
            </a:rPr>
            <a:t>Identification of Key Issues</a:t>
          </a:r>
        </a:p>
      </dgm:t>
    </dgm:pt>
    <dgm:pt modelId="{C0A22805-97FF-4CBE-B6AB-12B186AFCB80}" type="parTrans" cxnId="{9926B9CB-54D7-4958-B6D5-9DCC953888CD}">
      <dgm:prSet/>
      <dgm:spPr/>
      <dgm:t>
        <a:bodyPr/>
        <a:lstStyle/>
        <a:p>
          <a:endParaRPr lang="en-GB"/>
        </a:p>
      </dgm:t>
    </dgm:pt>
    <dgm:pt modelId="{E805B95C-B566-4A8E-A1FD-7FF00CD16EBE}" type="sibTrans" cxnId="{9926B9CB-54D7-4958-B6D5-9DCC953888CD}">
      <dgm:prSet/>
      <dgm:spPr/>
      <dgm:t>
        <a:bodyPr/>
        <a:lstStyle/>
        <a:p>
          <a:endParaRPr lang="en-GB"/>
        </a:p>
      </dgm:t>
    </dgm:pt>
    <dgm:pt modelId="{8E08F4A7-1C0F-44E1-859F-9B9D8A02A7BE}">
      <dgm:prSet phldrT="[Text]"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+mn-lt"/>
              <a:ea typeface="+mn-ea"/>
              <a:cs typeface="+mn-cs"/>
            </a:rPr>
            <a:t>Next Steps</a:t>
          </a:r>
        </a:p>
      </dgm:t>
    </dgm:pt>
    <dgm:pt modelId="{F0F62212-A342-44DA-AB3B-E5CB9DA00AD2}" type="parTrans" cxnId="{8F3567D8-B7BC-485A-8F67-67219A77BD43}">
      <dgm:prSet/>
      <dgm:spPr/>
      <dgm:t>
        <a:bodyPr/>
        <a:lstStyle/>
        <a:p>
          <a:endParaRPr lang="en-GB"/>
        </a:p>
      </dgm:t>
    </dgm:pt>
    <dgm:pt modelId="{5667CBAD-70C7-4465-9665-341EEB5B83D9}" type="sibTrans" cxnId="{8F3567D8-B7BC-485A-8F67-67219A77BD43}">
      <dgm:prSet/>
      <dgm:spPr/>
      <dgm:t>
        <a:bodyPr/>
        <a:lstStyle/>
        <a:p>
          <a:endParaRPr lang="en-GB"/>
        </a:p>
      </dgm:t>
    </dgm:pt>
    <dgm:pt modelId="{4322E988-DD6A-4801-9D86-C7824642D575}">
      <dgm:prSet phldrT="[Text]"/>
      <dgm:spPr/>
      <dgm:t>
        <a:bodyPr/>
        <a:lstStyle/>
        <a:p>
          <a:pPr>
            <a:buClr>
              <a:srgbClr val="F37021"/>
            </a:buClr>
          </a:pPr>
          <a:r>
            <a:rPr lang="en-GB"/>
            <a:t>Gap Analysis</a:t>
          </a:r>
          <a:endParaRPr lang="en-GB" dirty="0"/>
        </a:p>
      </dgm:t>
    </dgm:pt>
    <dgm:pt modelId="{146793D3-1625-46F3-8F95-CF942B4CBF3D}" type="parTrans" cxnId="{640219FA-E5E8-4CCD-B7A3-5A294CBC508E}">
      <dgm:prSet/>
      <dgm:spPr/>
      <dgm:t>
        <a:bodyPr/>
        <a:lstStyle/>
        <a:p>
          <a:endParaRPr lang="en-GB"/>
        </a:p>
      </dgm:t>
    </dgm:pt>
    <dgm:pt modelId="{70296C2E-3242-419E-9310-0E22F685F481}" type="sibTrans" cxnId="{640219FA-E5E8-4CCD-B7A3-5A294CBC508E}">
      <dgm:prSet/>
      <dgm:spPr/>
      <dgm:t>
        <a:bodyPr/>
        <a:lstStyle/>
        <a:p>
          <a:endParaRPr lang="en-GB"/>
        </a:p>
      </dgm:t>
    </dgm:pt>
    <dgm:pt modelId="{2A90CC55-2477-4DEE-BED1-58BCB92F709B}" type="pres">
      <dgm:prSet presAssocID="{CA44B419-8F1B-4467-9F0D-0DA415E5997E}" presName="linearFlow" presStyleCnt="0">
        <dgm:presLayoutVars>
          <dgm:dir/>
          <dgm:animLvl val="lvl"/>
          <dgm:resizeHandles val="exact"/>
        </dgm:presLayoutVars>
      </dgm:prSet>
      <dgm:spPr/>
    </dgm:pt>
    <dgm:pt modelId="{48F34CB4-43AC-41F2-AE98-5C08FBAC2370}" type="pres">
      <dgm:prSet presAssocID="{7C00AE97-8EF8-4ED5-804C-86EB31B05971}" presName="composite" presStyleCnt="0"/>
      <dgm:spPr/>
    </dgm:pt>
    <dgm:pt modelId="{E5478B06-63B1-4E9F-8B33-90698B17C720}" type="pres">
      <dgm:prSet presAssocID="{7C00AE97-8EF8-4ED5-804C-86EB31B05971}" presName="parentText" presStyleLbl="alignNode1" presStyleIdx="0" presStyleCnt="3">
        <dgm:presLayoutVars>
          <dgm:chMax val="1"/>
          <dgm:bulletEnabled val="1"/>
        </dgm:presLayoutVars>
      </dgm:prSet>
      <dgm:spPr/>
    </dgm:pt>
    <dgm:pt modelId="{7558DCFD-95F6-4A19-89D2-8C9EABE070C9}" type="pres">
      <dgm:prSet presAssocID="{7C00AE97-8EF8-4ED5-804C-86EB31B05971}" presName="descendantText" presStyleLbl="alignAcc1" presStyleIdx="0" presStyleCnt="3">
        <dgm:presLayoutVars>
          <dgm:bulletEnabled val="1"/>
        </dgm:presLayoutVars>
      </dgm:prSet>
      <dgm:spPr/>
    </dgm:pt>
    <dgm:pt modelId="{4F2D7F39-A859-4F66-ABE8-A7C71BD38BA6}" type="pres">
      <dgm:prSet presAssocID="{8C9F1381-2410-4441-AB1C-D46DF2138737}" presName="sp" presStyleCnt="0"/>
      <dgm:spPr/>
    </dgm:pt>
    <dgm:pt modelId="{5212CB40-88C6-45C5-9A9F-53F987581CE6}" type="pres">
      <dgm:prSet presAssocID="{ED895B24-A8F5-423C-88C3-1AA69377E6DA}" presName="composite" presStyleCnt="0"/>
      <dgm:spPr/>
    </dgm:pt>
    <dgm:pt modelId="{689A8EB4-E2E8-45EA-BDAD-45BD16327EE3}" type="pres">
      <dgm:prSet presAssocID="{ED895B24-A8F5-423C-88C3-1AA69377E6DA}" presName="parentText" presStyleLbl="alignNode1" presStyleIdx="1" presStyleCnt="3">
        <dgm:presLayoutVars>
          <dgm:chMax val="1"/>
          <dgm:bulletEnabled val="1"/>
        </dgm:presLayoutVars>
      </dgm:prSet>
      <dgm:spPr/>
    </dgm:pt>
    <dgm:pt modelId="{0ABF44FC-0BC5-4C4E-829C-95A2B4106669}" type="pres">
      <dgm:prSet presAssocID="{ED895B24-A8F5-423C-88C3-1AA69377E6DA}" presName="descendantText" presStyleLbl="alignAcc1" presStyleIdx="1" presStyleCnt="3">
        <dgm:presLayoutVars>
          <dgm:bulletEnabled val="1"/>
        </dgm:presLayoutVars>
      </dgm:prSet>
      <dgm:spPr/>
    </dgm:pt>
    <dgm:pt modelId="{C3026438-041F-44BE-8E57-D87ABC2369DA}" type="pres">
      <dgm:prSet presAssocID="{2857F573-0EA3-4DCD-9E75-289077ADE21A}" presName="sp" presStyleCnt="0"/>
      <dgm:spPr/>
    </dgm:pt>
    <dgm:pt modelId="{8DD58116-E9A9-4393-9584-D9DC57C3A43E}" type="pres">
      <dgm:prSet presAssocID="{775834EE-EC10-4222-A404-B38E131D968B}" presName="composite" presStyleCnt="0"/>
      <dgm:spPr/>
    </dgm:pt>
    <dgm:pt modelId="{193B365F-12B1-48B4-A2DB-033AE9BAC48F}" type="pres">
      <dgm:prSet presAssocID="{775834EE-EC10-4222-A404-B38E131D968B}" presName="parentText" presStyleLbl="alignNode1" presStyleIdx="2" presStyleCnt="3">
        <dgm:presLayoutVars>
          <dgm:chMax val="1"/>
          <dgm:bulletEnabled val="1"/>
        </dgm:presLayoutVars>
      </dgm:prSet>
      <dgm:spPr/>
    </dgm:pt>
    <dgm:pt modelId="{9DA3B281-4843-4ACA-9D7C-C8F5512B6701}" type="pres">
      <dgm:prSet presAssocID="{775834EE-EC10-4222-A404-B38E131D968B}" presName="descendantText" presStyleLbl="alignAcc1" presStyleIdx="2" presStyleCnt="3">
        <dgm:presLayoutVars>
          <dgm:bulletEnabled val="1"/>
        </dgm:presLayoutVars>
      </dgm:prSet>
      <dgm:spPr/>
    </dgm:pt>
  </dgm:ptLst>
  <dgm:cxnLst>
    <dgm:cxn modelId="{EF0D210A-5BB6-46BA-AE01-D2168249F29E}" srcId="{7C00AE97-8EF8-4ED5-804C-86EB31B05971}" destId="{62783DCC-4786-47C9-BEF2-ED8E7BBBB561}" srcOrd="1" destOrd="0" parTransId="{AD9D91DE-81B7-481A-AD8A-01D567600515}" sibTransId="{1EF8E3C3-237C-420D-B9C2-4A5FE7941CB4}"/>
    <dgm:cxn modelId="{E63DA026-9835-41BA-B40E-9FBCF06C3681}" srcId="{7C00AE97-8EF8-4ED5-804C-86EB31B05971}" destId="{77885736-28FB-40C5-B13B-D8C7C1F97770}" srcOrd="0" destOrd="0" parTransId="{93E83384-F054-4582-B7D2-C899BA50862B}" sibTransId="{FC6E3F86-F594-4F39-B3FA-44C9FF9D34ED}"/>
    <dgm:cxn modelId="{B24DBF30-9084-4E48-B75D-676FCDC9AA63}" type="presOf" srcId="{7C00AE97-8EF8-4ED5-804C-86EB31B05971}" destId="{E5478B06-63B1-4E9F-8B33-90698B17C720}" srcOrd="0" destOrd="0" presId="urn:microsoft.com/office/officeart/2005/8/layout/chevron2"/>
    <dgm:cxn modelId="{8C87105C-83AB-473B-8CF9-876FC2B00189}" type="presOf" srcId="{775834EE-EC10-4222-A404-B38E131D968B}" destId="{193B365F-12B1-48B4-A2DB-033AE9BAC48F}" srcOrd="0" destOrd="0" presId="urn:microsoft.com/office/officeart/2005/8/layout/chevron2"/>
    <dgm:cxn modelId="{85DECD5D-46AF-422F-BC66-33BD94F27A2D}" type="presOf" srcId="{62783DCC-4786-47C9-BEF2-ED8E7BBBB561}" destId="{7558DCFD-95F6-4A19-89D2-8C9EABE070C9}" srcOrd="0" destOrd="1" presId="urn:microsoft.com/office/officeart/2005/8/layout/chevron2"/>
    <dgm:cxn modelId="{830EC767-EB14-4047-BFD3-3E68B10B7719}" srcId="{CA44B419-8F1B-4467-9F0D-0DA415E5997E}" destId="{7C00AE97-8EF8-4ED5-804C-86EB31B05971}" srcOrd="0" destOrd="0" parTransId="{1F472B98-5575-46E4-B3B6-BD1F3F3F53BE}" sibTransId="{8C9F1381-2410-4441-AB1C-D46DF2138737}"/>
    <dgm:cxn modelId="{3B82664F-A4D3-4D4D-BDB2-0DF3BD868622}" srcId="{ED895B24-A8F5-423C-88C3-1AA69377E6DA}" destId="{B29E1A2F-B153-44B1-ACE9-62650FCD6071}" srcOrd="1" destOrd="0" parTransId="{5AECB308-EF75-472E-BBA6-A88FDAC348E7}" sibTransId="{35A3A855-8904-4523-A36E-8CAD4DB4384A}"/>
    <dgm:cxn modelId="{C4A77055-21B5-45B2-B327-8756014BF729}" type="presOf" srcId="{CA44B419-8F1B-4467-9F0D-0DA415E5997E}" destId="{2A90CC55-2477-4DEE-BED1-58BCB92F709B}" srcOrd="0" destOrd="0" presId="urn:microsoft.com/office/officeart/2005/8/layout/chevron2"/>
    <dgm:cxn modelId="{AB8AE275-12C7-421C-837B-E10F3199D069}" srcId="{ED895B24-A8F5-423C-88C3-1AA69377E6DA}" destId="{757FA63E-1326-4C11-AD9C-EE448F64095A}" srcOrd="0" destOrd="0" parTransId="{DCA02AF8-F85F-4573-802E-A10599137E8D}" sibTransId="{B3457B2F-FCDA-4477-A755-4FDA274C33B5}"/>
    <dgm:cxn modelId="{CA474C98-223E-497E-81D8-3F63878F049F}" type="presOf" srcId="{757FA63E-1326-4C11-AD9C-EE448F64095A}" destId="{0ABF44FC-0BC5-4C4E-829C-95A2B4106669}" srcOrd="0" destOrd="0" presId="urn:microsoft.com/office/officeart/2005/8/layout/chevron2"/>
    <dgm:cxn modelId="{5C423AA1-13FA-4D52-9F8D-F80370AE2C91}" type="presOf" srcId="{ED895B24-A8F5-423C-88C3-1AA69377E6DA}" destId="{689A8EB4-E2E8-45EA-BDAD-45BD16327EE3}" srcOrd="0" destOrd="0" presId="urn:microsoft.com/office/officeart/2005/8/layout/chevron2"/>
    <dgm:cxn modelId="{6CB43EB2-9B33-484A-BCF1-3F70E1126603}" type="presOf" srcId="{B29E1A2F-B153-44B1-ACE9-62650FCD6071}" destId="{0ABF44FC-0BC5-4C4E-829C-95A2B4106669}" srcOrd="0" destOrd="1" presId="urn:microsoft.com/office/officeart/2005/8/layout/chevron2"/>
    <dgm:cxn modelId="{E0C706B4-EC9F-4448-8A77-B0CF04AB7F9C}" type="presOf" srcId="{4322E988-DD6A-4801-9D86-C7824642D575}" destId="{7558DCFD-95F6-4A19-89D2-8C9EABE070C9}" srcOrd="0" destOrd="2" presId="urn:microsoft.com/office/officeart/2005/8/layout/chevron2"/>
    <dgm:cxn modelId="{D14287C0-69AF-4FAD-81D5-572C55CD833F}" type="presOf" srcId="{77885736-28FB-40C5-B13B-D8C7C1F97770}" destId="{7558DCFD-95F6-4A19-89D2-8C9EABE070C9}" srcOrd="0" destOrd="0" presId="urn:microsoft.com/office/officeart/2005/8/layout/chevron2"/>
    <dgm:cxn modelId="{9926B9CB-54D7-4958-B6D5-9DCC953888CD}" srcId="{775834EE-EC10-4222-A404-B38E131D968B}" destId="{F40383F0-F16D-47E2-9D6E-4E70DDAF4EEC}" srcOrd="0" destOrd="0" parTransId="{C0A22805-97FF-4CBE-B6AB-12B186AFCB80}" sibTransId="{E805B95C-B566-4A8E-A1FD-7FF00CD16EBE}"/>
    <dgm:cxn modelId="{8F3567D8-B7BC-485A-8F67-67219A77BD43}" srcId="{775834EE-EC10-4222-A404-B38E131D968B}" destId="{8E08F4A7-1C0F-44E1-859F-9B9D8A02A7BE}" srcOrd="1" destOrd="0" parTransId="{F0F62212-A342-44DA-AB3B-E5CB9DA00AD2}" sibTransId="{5667CBAD-70C7-4465-9665-341EEB5B83D9}"/>
    <dgm:cxn modelId="{77E05DDB-DEB0-44B7-8A4A-2FDB46834B86}" srcId="{CA44B419-8F1B-4467-9F0D-0DA415E5997E}" destId="{775834EE-EC10-4222-A404-B38E131D968B}" srcOrd="2" destOrd="0" parTransId="{5A8E5955-B658-4B31-A5F3-2808BFB63741}" sibTransId="{F04FFCF5-7C45-421E-886C-AE800338105B}"/>
    <dgm:cxn modelId="{7B2E1FEE-8738-4DF2-8032-A70EEE8C4D74}" srcId="{CA44B419-8F1B-4467-9F0D-0DA415E5997E}" destId="{ED895B24-A8F5-423C-88C3-1AA69377E6DA}" srcOrd="1" destOrd="0" parTransId="{AB36872E-4982-450A-A902-6C821899EA51}" sibTransId="{2857F573-0EA3-4DCD-9E75-289077ADE21A}"/>
    <dgm:cxn modelId="{F76F7CF2-71E1-4D89-8595-9A2551E40A4F}" type="presOf" srcId="{8E08F4A7-1C0F-44E1-859F-9B9D8A02A7BE}" destId="{9DA3B281-4843-4ACA-9D7C-C8F5512B6701}" srcOrd="0" destOrd="1" presId="urn:microsoft.com/office/officeart/2005/8/layout/chevron2"/>
    <dgm:cxn modelId="{233011FA-0CCB-41BA-B2B5-BDF80282E2B9}" type="presOf" srcId="{F40383F0-F16D-47E2-9D6E-4E70DDAF4EEC}" destId="{9DA3B281-4843-4ACA-9D7C-C8F5512B6701}" srcOrd="0" destOrd="0" presId="urn:microsoft.com/office/officeart/2005/8/layout/chevron2"/>
    <dgm:cxn modelId="{640219FA-E5E8-4CCD-B7A3-5A294CBC508E}" srcId="{7C00AE97-8EF8-4ED5-804C-86EB31B05971}" destId="{4322E988-DD6A-4801-9D86-C7824642D575}" srcOrd="2" destOrd="0" parTransId="{146793D3-1625-46F3-8F95-CF942B4CBF3D}" sibTransId="{70296C2E-3242-419E-9310-0E22F685F481}"/>
    <dgm:cxn modelId="{EB18EF1C-D8AA-4C79-B607-8723EF05AE5C}" type="presParOf" srcId="{2A90CC55-2477-4DEE-BED1-58BCB92F709B}" destId="{48F34CB4-43AC-41F2-AE98-5C08FBAC2370}" srcOrd="0" destOrd="0" presId="urn:microsoft.com/office/officeart/2005/8/layout/chevron2"/>
    <dgm:cxn modelId="{8D81FDEE-B8F5-4FC1-BBA7-58AB303685CA}" type="presParOf" srcId="{48F34CB4-43AC-41F2-AE98-5C08FBAC2370}" destId="{E5478B06-63B1-4E9F-8B33-90698B17C720}" srcOrd="0" destOrd="0" presId="urn:microsoft.com/office/officeart/2005/8/layout/chevron2"/>
    <dgm:cxn modelId="{28B61237-3D71-4049-A779-DEEECFB4EB6E}" type="presParOf" srcId="{48F34CB4-43AC-41F2-AE98-5C08FBAC2370}" destId="{7558DCFD-95F6-4A19-89D2-8C9EABE070C9}" srcOrd="1" destOrd="0" presId="urn:microsoft.com/office/officeart/2005/8/layout/chevron2"/>
    <dgm:cxn modelId="{B591D8A4-A61F-4107-A3A3-4157A860E03A}" type="presParOf" srcId="{2A90CC55-2477-4DEE-BED1-58BCB92F709B}" destId="{4F2D7F39-A859-4F66-ABE8-A7C71BD38BA6}" srcOrd="1" destOrd="0" presId="urn:microsoft.com/office/officeart/2005/8/layout/chevron2"/>
    <dgm:cxn modelId="{FEAA7E01-CF52-4DAD-93E9-0C2DE4BD1B06}" type="presParOf" srcId="{2A90CC55-2477-4DEE-BED1-58BCB92F709B}" destId="{5212CB40-88C6-45C5-9A9F-53F987581CE6}" srcOrd="2" destOrd="0" presId="urn:microsoft.com/office/officeart/2005/8/layout/chevron2"/>
    <dgm:cxn modelId="{4D12791A-DCA1-4025-9FF6-9222D5A6B1AA}" type="presParOf" srcId="{5212CB40-88C6-45C5-9A9F-53F987581CE6}" destId="{689A8EB4-E2E8-45EA-BDAD-45BD16327EE3}" srcOrd="0" destOrd="0" presId="urn:microsoft.com/office/officeart/2005/8/layout/chevron2"/>
    <dgm:cxn modelId="{0F5E92A3-0D68-49EA-A847-0A894187C65D}" type="presParOf" srcId="{5212CB40-88C6-45C5-9A9F-53F987581CE6}" destId="{0ABF44FC-0BC5-4C4E-829C-95A2B4106669}" srcOrd="1" destOrd="0" presId="urn:microsoft.com/office/officeart/2005/8/layout/chevron2"/>
    <dgm:cxn modelId="{80A6DA84-A395-4A74-A733-8AF85DD9EE2C}" type="presParOf" srcId="{2A90CC55-2477-4DEE-BED1-58BCB92F709B}" destId="{C3026438-041F-44BE-8E57-D87ABC2369DA}" srcOrd="3" destOrd="0" presId="urn:microsoft.com/office/officeart/2005/8/layout/chevron2"/>
    <dgm:cxn modelId="{16CEE089-7FD2-4D03-97CE-24D73A10D089}" type="presParOf" srcId="{2A90CC55-2477-4DEE-BED1-58BCB92F709B}" destId="{8DD58116-E9A9-4393-9584-D9DC57C3A43E}" srcOrd="4" destOrd="0" presId="urn:microsoft.com/office/officeart/2005/8/layout/chevron2"/>
    <dgm:cxn modelId="{E9BB7D65-5E50-458B-8DC2-E664F3DF63AF}" type="presParOf" srcId="{8DD58116-E9A9-4393-9584-D9DC57C3A43E}" destId="{193B365F-12B1-48B4-A2DB-033AE9BAC48F}" srcOrd="0" destOrd="0" presId="urn:microsoft.com/office/officeart/2005/8/layout/chevron2"/>
    <dgm:cxn modelId="{BF974DFC-71C8-4991-908E-AC55413DB9E2}" type="presParOf" srcId="{8DD58116-E9A9-4393-9584-D9DC57C3A43E}" destId="{9DA3B281-4843-4ACA-9D7C-C8F5512B6701}" srcOrd="1" destOrd="0" presId="urn:microsoft.com/office/officeart/2005/8/layout/chevron2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CA44B419-8F1B-4467-9F0D-0DA415E5997E}" type="doc">
      <dgm:prSet loTypeId="urn:microsoft.com/office/officeart/2005/8/layout/chevron2" loCatId="list" qsTypeId="urn:microsoft.com/office/officeart/2005/8/quickstyle/simple5" qsCatId="simple" csTypeId="urn:microsoft.com/office/officeart/2005/8/colors/colorful5" csCatId="colorful" phldr="1"/>
      <dgm:spPr/>
      <dgm:t>
        <a:bodyPr/>
        <a:lstStyle/>
        <a:p>
          <a:endParaRPr lang="en-GB"/>
        </a:p>
      </dgm:t>
    </dgm:pt>
    <dgm:pt modelId="{7C00AE97-8EF8-4ED5-804C-86EB31B05971}">
      <dgm:prSet phldrT="[Text]"/>
      <dgm:spPr/>
      <dgm:t>
        <a:bodyPr/>
        <a:lstStyle/>
        <a:p>
          <a:r>
            <a:rPr lang="en-GB" dirty="0"/>
            <a:t>Properties of hydrogen </a:t>
          </a:r>
        </a:p>
      </dgm:t>
    </dgm:pt>
    <dgm:pt modelId="{1F472B98-5575-46E4-B3B6-BD1F3F3F53BE}" type="parTrans" cxnId="{830EC767-EB14-4047-BFD3-3E68B10B7719}">
      <dgm:prSet/>
      <dgm:spPr/>
      <dgm:t>
        <a:bodyPr/>
        <a:lstStyle/>
        <a:p>
          <a:endParaRPr lang="en-GB"/>
        </a:p>
      </dgm:t>
    </dgm:pt>
    <dgm:pt modelId="{8C9F1381-2410-4441-AB1C-D46DF2138737}" type="sibTrans" cxnId="{830EC767-EB14-4047-BFD3-3E68B10B7719}">
      <dgm:prSet/>
      <dgm:spPr/>
      <dgm:t>
        <a:bodyPr/>
        <a:lstStyle/>
        <a:p>
          <a:endParaRPr lang="en-GB"/>
        </a:p>
      </dgm:t>
    </dgm:pt>
    <dgm:pt modelId="{77885736-28FB-40C5-B13B-D8C7C1F97770}">
      <dgm:prSet phldrT="[Text]"/>
      <dgm:spPr/>
      <dgm:t>
        <a:bodyPr/>
        <a:lstStyle/>
        <a:p>
          <a:pPr>
            <a:buClr>
              <a:srgbClr val="F37021"/>
            </a:buClr>
          </a:pPr>
          <a:r>
            <a:rPr lang="en-GB" dirty="0"/>
            <a:t>Physical and other Hazards</a:t>
          </a:r>
        </a:p>
      </dgm:t>
    </dgm:pt>
    <dgm:pt modelId="{93E83384-F054-4582-B7D2-C899BA50862B}" type="parTrans" cxnId="{E63DA026-9835-41BA-B40E-9FBCF06C3681}">
      <dgm:prSet/>
      <dgm:spPr/>
      <dgm:t>
        <a:bodyPr/>
        <a:lstStyle/>
        <a:p>
          <a:endParaRPr lang="en-GB"/>
        </a:p>
      </dgm:t>
    </dgm:pt>
    <dgm:pt modelId="{FC6E3F86-F594-4F39-B3FA-44C9FF9D34ED}" type="sibTrans" cxnId="{E63DA026-9835-41BA-B40E-9FBCF06C3681}">
      <dgm:prSet/>
      <dgm:spPr/>
      <dgm:t>
        <a:bodyPr/>
        <a:lstStyle/>
        <a:p>
          <a:endParaRPr lang="en-GB"/>
        </a:p>
      </dgm:t>
    </dgm:pt>
    <dgm:pt modelId="{ED895B24-A8F5-423C-88C3-1AA69377E6DA}">
      <dgm:prSet phldrT="[Text]"/>
      <dgm:spPr/>
      <dgm:t>
        <a:bodyPr/>
        <a:lstStyle/>
        <a:p>
          <a:r>
            <a:rPr lang="en-GB" dirty="0"/>
            <a:t>Guidance on legislation</a:t>
          </a:r>
        </a:p>
      </dgm:t>
    </dgm:pt>
    <dgm:pt modelId="{AB36872E-4982-450A-A902-6C821899EA51}" type="parTrans" cxnId="{7B2E1FEE-8738-4DF2-8032-A70EEE8C4D74}">
      <dgm:prSet/>
      <dgm:spPr/>
      <dgm:t>
        <a:bodyPr/>
        <a:lstStyle/>
        <a:p>
          <a:endParaRPr lang="en-GB"/>
        </a:p>
      </dgm:t>
    </dgm:pt>
    <dgm:pt modelId="{2857F573-0EA3-4DCD-9E75-289077ADE21A}" type="sibTrans" cxnId="{7B2E1FEE-8738-4DF2-8032-A70EEE8C4D74}">
      <dgm:prSet/>
      <dgm:spPr/>
      <dgm:t>
        <a:bodyPr/>
        <a:lstStyle/>
        <a:p>
          <a:endParaRPr lang="en-GB"/>
        </a:p>
      </dgm:t>
    </dgm:pt>
    <dgm:pt modelId="{757FA63E-1326-4C11-AD9C-EE448F64095A}">
      <dgm:prSet phldrT="[Text]"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Purpose, Scope, Owner, Authority, Duties</a:t>
          </a:r>
        </a:p>
      </dgm:t>
    </dgm:pt>
    <dgm:pt modelId="{DCA02AF8-F85F-4573-802E-A10599137E8D}" type="parTrans" cxnId="{AB8AE275-12C7-421C-837B-E10F3199D069}">
      <dgm:prSet/>
      <dgm:spPr/>
      <dgm:t>
        <a:bodyPr/>
        <a:lstStyle/>
        <a:p>
          <a:endParaRPr lang="en-GB"/>
        </a:p>
      </dgm:t>
    </dgm:pt>
    <dgm:pt modelId="{B3457B2F-FCDA-4477-A755-4FDA274C33B5}" type="sibTrans" cxnId="{AB8AE275-12C7-421C-837B-E10F3199D069}">
      <dgm:prSet/>
      <dgm:spPr/>
      <dgm:t>
        <a:bodyPr/>
        <a:lstStyle/>
        <a:p>
          <a:endParaRPr lang="en-GB"/>
        </a:p>
      </dgm:t>
    </dgm:pt>
    <dgm:pt modelId="{775834EE-EC10-4222-A404-B38E131D968B}">
      <dgm:prSet phldrT="[Text]"/>
      <dgm:spPr/>
      <dgm:t>
        <a:bodyPr/>
        <a:lstStyle/>
        <a:p>
          <a:r>
            <a:rPr lang="en-GB" dirty="0"/>
            <a:t>Codes and standards</a:t>
          </a:r>
        </a:p>
      </dgm:t>
    </dgm:pt>
    <dgm:pt modelId="{5A8E5955-B658-4B31-A5F3-2808BFB63741}" type="parTrans" cxnId="{77E05DDB-DEB0-44B7-8A4A-2FDB46834B86}">
      <dgm:prSet/>
      <dgm:spPr/>
      <dgm:t>
        <a:bodyPr/>
        <a:lstStyle/>
        <a:p>
          <a:endParaRPr lang="en-GB"/>
        </a:p>
      </dgm:t>
    </dgm:pt>
    <dgm:pt modelId="{F04FFCF5-7C45-421E-886C-AE800338105B}" type="sibTrans" cxnId="{77E05DDB-DEB0-44B7-8A4A-2FDB46834B86}">
      <dgm:prSet/>
      <dgm:spPr/>
      <dgm:t>
        <a:bodyPr/>
        <a:lstStyle/>
        <a:p>
          <a:endParaRPr lang="en-GB"/>
        </a:p>
      </dgm:t>
    </dgm:pt>
    <dgm:pt modelId="{F40383F0-F16D-47E2-9D6E-4E70DDAF4EEC}">
      <dgm:prSet phldrT="[Text]"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Purpose</a:t>
          </a:r>
        </a:p>
      </dgm:t>
    </dgm:pt>
    <dgm:pt modelId="{C0A22805-97FF-4CBE-B6AB-12B186AFCB80}" type="parTrans" cxnId="{9926B9CB-54D7-4958-B6D5-9DCC953888CD}">
      <dgm:prSet/>
      <dgm:spPr/>
      <dgm:t>
        <a:bodyPr/>
        <a:lstStyle/>
        <a:p>
          <a:endParaRPr lang="en-GB"/>
        </a:p>
      </dgm:t>
    </dgm:pt>
    <dgm:pt modelId="{E805B95C-B566-4A8E-A1FD-7FF00CD16EBE}" type="sibTrans" cxnId="{9926B9CB-54D7-4958-B6D5-9DCC953888CD}">
      <dgm:prSet/>
      <dgm:spPr/>
      <dgm:t>
        <a:bodyPr/>
        <a:lstStyle/>
        <a:p>
          <a:endParaRPr lang="en-GB"/>
        </a:p>
      </dgm:t>
    </dgm:pt>
    <dgm:pt modelId="{F11F0FDB-AE02-4E59-8F9F-C9BC69CFA9DD}">
      <dgm:prSet/>
      <dgm:spPr/>
      <dgm:t>
        <a:bodyPr/>
        <a:lstStyle/>
        <a:p>
          <a:r>
            <a:rPr lang="en-GB" dirty="0"/>
            <a:t>Case Studies</a:t>
          </a:r>
        </a:p>
      </dgm:t>
    </dgm:pt>
    <dgm:pt modelId="{080F71B8-1B57-476A-91A7-9EF8D742D28D}" type="parTrans" cxnId="{610ED448-D27D-4AD8-A6E8-9B662B670BFF}">
      <dgm:prSet/>
      <dgm:spPr/>
      <dgm:t>
        <a:bodyPr/>
        <a:lstStyle/>
        <a:p>
          <a:endParaRPr lang="en-GB"/>
        </a:p>
      </dgm:t>
    </dgm:pt>
    <dgm:pt modelId="{66D6422F-2D40-4D5B-95E8-08A06E88A062}" type="sibTrans" cxnId="{610ED448-D27D-4AD8-A6E8-9B662B670BFF}">
      <dgm:prSet/>
      <dgm:spPr/>
      <dgm:t>
        <a:bodyPr/>
        <a:lstStyle/>
        <a:p>
          <a:endParaRPr lang="en-GB"/>
        </a:p>
      </dgm:t>
    </dgm:pt>
    <dgm:pt modelId="{EFAF1B23-3B55-4CC1-828E-4E550A780CDC}">
      <dgm:prSet/>
      <dgm:spPr/>
      <dgm:t>
        <a:bodyPr/>
        <a:lstStyle/>
        <a:p>
          <a:pPr>
            <a:buClr>
              <a:srgbClr val="F37021"/>
            </a:buClr>
          </a:pPr>
          <a:r>
            <a:rPr lang="en-GB" dirty="0"/>
            <a:t>Hydrogen Storage</a:t>
          </a:r>
        </a:p>
      </dgm:t>
    </dgm:pt>
    <dgm:pt modelId="{B451544C-1AA1-4837-9699-2A847F492A83}" type="parTrans" cxnId="{304082B3-3C0E-461C-AE29-D06A6C3FD609}">
      <dgm:prSet/>
      <dgm:spPr/>
      <dgm:t>
        <a:bodyPr/>
        <a:lstStyle/>
        <a:p>
          <a:endParaRPr lang="en-GB"/>
        </a:p>
      </dgm:t>
    </dgm:pt>
    <dgm:pt modelId="{DE2F2D0B-A1A4-4871-837E-CFB17E9CFCCB}" type="sibTrans" cxnId="{304082B3-3C0E-461C-AE29-D06A6C3FD609}">
      <dgm:prSet/>
      <dgm:spPr/>
      <dgm:t>
        <a:bodyPr/>
        <a:lstStyle/>
        <a:p>
          <a:endParaRPr lang="en-GB"/>
        </a:p>
      </dgm:t>
    </dgm:pt>
    <dgm:pt modelId="{A20F331B-2152-45F1-A3A0-56D1425805AB}">
      <dgm:prSet/>
      <dgm:spPr/>
      <dgm:t>
        <a:bodyPr/>
        <a:lstStyle/>
        <a:p>
          <a:pPr>
            <a:buClr>
              <a:srgbClr val="F37021"/>
            </a:buClr>
          </a:pPr>
          <a:r>
            <a:rPr lang="en-GB" dirty="0"/>
            <a:t>Comparison to Other Fuels</a:t>
          </a:r>
        </a:p>
      </dgm:t>
    </dgm:pt>
    <dgm:pt modelId="{690304DB-FD4C-4BDB-930A-25F518618557}" type="parTrans" cxnId="{F0C87B68-F654-48CD-BBCB-CC06420A5515}">
      <dgm:prSet/>
      <dgm:spPr/>
      <dgm:t>
        <a:bodyPr/>
        <a:lstStyle/>
        <a:p>
          <a:endParaRPr lang="en-GB"/>
        </a:p>
      </dgm:t>
    </dgm:pt>
    <dgm:pt modelId="{4C49B30E-AC09-41DE-AF50-1FB61567EF45}" type="sibTrans" cxnId="{F0C87B68-F654-48CD-BBCB-CC06420A5515}">
      <dgm:prSet/>
      <dgm:spPr/>
      <dgm:t>
        <a:bodyPr/>
        <a:lstStyle/>
        <a:p>
          <a:endParaRPr lang="en-GB"/>
        </a:p>
      </dgm:t>
    </dgm:pt>
    <dgm:pt modelId="{28B0648A-34DE-4A0F-BC35-84042083A6D5}">
      <dgm:prSet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Applicability for Hydrogen</a:t>
          </a:r>
        </a:p>
      </dgm:t>
    </dgm:pt>
    <dgm:pt modelId="{EA73CA30-CC75-4DD2-BF24-9A8A3C5636FE}" type="parTrans" cxnId="{454E14BA-29B0-4551-83A0-18CC4ABA3B81}">
      <dgm:prSet/>
      <dgm:spPr/>
      <dgm:t>
        <a:bodyPr/>
        <a:lstStyle/>
        <a:p>
          <a:endParaRPr lang="en-GB"/>
        </a:p>
      </dgm:t>
    </dgm:pt>
    <dgm:pt modelId="{30C83899-8D26-4251-B409-33B74B4134E4}" type="sibTrans" cxnId="{454E14BA-29B0-4551-83A0-18CC4ABA3B81}">
      <dgm:prSet/>
      <dgm:spPr/>
      <dgm:t>
        <a:bodyPr/>
        <a:lstStyle/>
        <a:p>
          <a:endParaRPr lang="en-GB"/>
        </a:p>
      </dgm:t>
    </dgm:pt>
    <dgm:pt modelId="{954B9570-5709-426E-BF12-4BD2540B8A15}">
      <dgm:prSet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Guidance for Compliance</a:t>
          </a:r>
        </a:p>
      </dgm:t>
    </dgm:pt>
    <dgm:pt modelId="{956FF294-1CB2-4421-828C-B205E8ECAB60}" type="parTrans" cxnId="{85B610BD-EC28-4285-9737-7D3F79258138}">
      <dgm:prSet/>
      <dgm:spPr/>
      <dgm:t>
        <a:bodyPr/>
        <a:lstStyle/>
        <a:p>
          <a:endParaRPr lang="en-GB"/>
        </a:p>
      </dgm:t>
    </dgm:pt>
    <dgm:pt modelId="{8D18CF59-1CC4-4C03-B6DD-99BBAEADEA1C}" type="sibTrans" cxnId="{85B610BD-EC28-4285-9737-7D3F79258138}">
      <dgm:prSet/>
      <dgm:spPr/>
      <dgm:t>
        <a:bodyPr/>
        <a:lstStyle/>
        <a:p>
          <a:endParaRPr lang="en-GB"/>
        </a:p>
      </dgm:t>
    </dgm:pt>
    <dgm:pt modelId="{0059D459-1672-4888-9EA3-0819BFB8D1EE}">
      <dgm:prSet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Scope</a:t>
          </a:r>
        </a:p>
      </dgm:t>
    </dgm:pt>
    <dgm:pt modelId="{D91487FD-B53D-4DF9-B753-755F308960BF}" type="parTrans" cxnId="{3B463A21-B71E-4BF7-94B4-6040FA37E2C7}">
      <dgm:prSet/>
      <dgm:spPr/>
      <dgm:t>
        <a:bodyPr/>
        <a:lstStyle/>
        <a:p>
          <a:endParaRPr lang="en-GB"/>
        </a:p>
      </dgm:t>
    </dgm:pt>
    <dgm:pt modelId="{7E13062C-AFF3-4388-9AFD-2C97DB5AC1A1}" type="sibTrans" cxnId="{3B463A21-B71E-4BF7-94B4-6040FA37E2C7}">
      <dgm:prSet/>
      <dgm:spPr/>
      <dgm:t>
        <a:bodyPr/>
        <a:lstStyle/>
        <a:p>
          <a:endParaRPr lang="en-GB"/>
        </a:p>
      </dgm:t>
    </dgm:pt>
    <dgm:pt modelId="{8F0A6707-847D-459B-91BA-13C75EA87CC8}">
      <dgm:prSet/>
      <dgm:spPr/>
      <dgm:t>
        <a:bodyPr/>
        <a:lstStyle/>
        <a:p>
          <a:pPr marL="114300" lvl="1" indent="-114300" defTabSz="666750"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Requirements</a:t>
          </a:r>
        </a:p>
      </dgm:t>
    </dgm:pt>
    <dgm:pt modelId="{319CC0C4-29D5-4541-B1DC-B553FC10A1D8}" type="parTrans" cxnId="{3F851F93-1540-46CD-B763-B086857660ED}">
      <dgm:prSet/>
      <dgm:spPr/>
      <dgm:t>
        <a:bodyPr/>
        <a:lstStyle/>
        <a:p>
          <a:endParaRPr lang="en-GB"/>
        </a:p>
      </dgm:t>
    </dgm:pt>
    <dgm:pt modelId="{BFA11E00-E780-4E51-ADFC-3CA4A566618E}" type="sibTrans" cxnId="{3F851F93-1540-46CD-B763-B086857660ED}">
      <dgm:prSet/>
      <dgm:spPr/>
      <dgm:t>
        <a:bodyPr/>
        <a:lstStyle/>
        <a:p>
          <a:endParaRPr lang="en-GB"/>
        </a:p>
      </dgm:t>
    </dgm:pt>
    <dgm:pt modelId="{5E92974D-50F6-419D-BC61-AFFA59191A0A}">
      <dgm:prSet custT="1"/>
      <dgm:spPr/>
      <dgm:t>
        <a:bodyPr/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solidFill>
                <a:srgbClr val="1C1C1C">
                  <a:hueOff val="0"/>
                  <a:satOff val="0"/>
                  <a:lumOff val="0"/>
                  <a:alphaOff val="0"/>
                </a:srgbClr>
              </a:solidFill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Stakeholder Engagement</a:t>
          </a:r>
        </a:p>
      </dgm:t>
    </dgm:pt>
    <dgm:pt modelId="{05E958BB-1D57-4ACD-B078-A2537E2D1E87}" type="parTrans" cxnId="{A153A6EE-8234-4D66-B024-364332698D75}">
      <dgm:prSet/>
      <dgm:spPr/>
      <dgm:t>
        <a:bodyPr/>
        <a:lstStyle/>
        <a:p>
          <a:endParaRPr lang="en-GB"/>
        </a:p>
      </dgm:t>
    </dgm:pt>
    <dgm:pt modelId="{1A2EF043-F0E6-47B3-99B6-C08815848542}" type="sibTrans" cxnId="{A153A6EE-8234-4D66-B024-364332698D75}">
      <dgm:prSet/>
      <dgm:spPr/>
      <dgm:t>
        <a:bodyPr/>
        <a:lstStyle/>
        <a:p>
          <a:endParaRPr lang="en-GB"/>
        </a:p>
      </dgm:t>
    </dgm:pt>
    <dgm:pt modelId="{0F6891DF-8DFB-46BE-9F24-F17CECB52162}">
      <dgm:prSet custT="1"/>
      <dgm:spPr/>
      <dgm:t>
        <a:bodyPr/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solidFill>
                <a:srgbClr val="1C1C1C">
                  <a:hueOff val="0"/>
                  <a:satOff val="0"/>
                  <a:lumOff val="0"/>
                  <a:alphaOff val="0"/>
                </a:srgbClr>
              </a:solidFill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Gaps Identified</a:t>
          </a:r>
        </a:p>
      </dgm:t>
    </dgm:pt>
    <dgm:pt modelId="{A74B66E6-33FB-440B-8621-322740FDDD99}" type="parTrans" cxnId="{B85BDACD-B946-441E-A797-BC1EE1283126}">
      <dgm:prSet/>
      <dgm:spPr/>
      <dgm:t>
        <a:bodyPr/>
        <a:lstStyle/>
        <a:p>
          <a:endParaRPr lang="en-GB"/>
        </a:p>
      </dgm:t>
    </dgm:pt>
    <dgm:pt modelId="{EF6B67CF-2CA5-4C04-8012-2A5982E5BA8A}" type="sibTrans" cxnId="{B85BDACD-B946-441E-A797-BC1EE1283126}">
      <dgm:prSet/>
      <dgm:spPr/>
      <dgm:t>
        <a:bodyPr/>
        <a:lstStyle/>
        <a:p>
          <a:endParaRPr lang="en-GB"/>
        </a:p>
      </dgm:t>
    </dgm:pt>
    <dgm:pt modelId="{2A90CC55-2477-4DEE-BED1-58BCB92F709B}" type="pres">
      <dgm:prSet presAssocID="{CA44B419-8F1B-4467-9F0D-0DA415E5997E}" presName="linearFlow" presStyleCnt="0">
        <dgm:presLayoutVars>
          <dgm:dir/>
          <dgm:animLvl val="lvl"/>
          <dgm:resizeHandles val="exact"/>
        </dgm:presLayoutVars>
      </dgm:prSet>
      <dgm:spPr/>
    </dgm:pt>
    <dgm:pt modelId="{48F34CB4-43AC-41F2-AE98-5C08FBAC2370}" type="pres">
      <dgm:prSet presAssocID="{7C00AE97-8EF8-4ED5-804C-86EB31B05971}" presName="composite" presStyleCnt="0"/>
      <dgm:spPr/>
    </dgm:pt>
    <dgm:pt modelId="{E5478B06-63B1-4E9F-8B33-90698B17C720}" type="pres">
      <dgm:prSet presAssocID="{7C00AE97-8EF8-4ED5-804C-86EB31B05971}" presName="parentText" presStyleLbl="alignNode1" presStyleIdx="0" presStyleCnt="4">
        <dgm:presLayoutVars>
          <dgm:chMax val="1"/>
          <dgm:bulletEnabled val="1"/>
        </dgm:presLayoutVars>
      </dgm:prSet>
      <dgm:spPr/>
    </dgm:pt>
    <dgm:pt modelId="{7558DCFD-95F6-4A19-89D2-8C9EABE070C9}" type="pres">
      <dgm:prSet presAssocID="{7C00AE97-8EF8-4ED5-804C-86EB31B05971}" presName="descendantText" presStyleLbl="alignAcc1" presStyleIdx="0" presStyleCnt="4">
        <dgm:presLayoutVars>
          <dgm:bulletEnabled val="1"/>
        </dgm:presLayoutVars>
      </dgm:prSet>
      <dgm:spPr/>
    </dgm:pt>
    <dgm:pt modelId="{4F2D7F39-A859-4F66-ABE8-A7C71BD38BA6}" type="pres">
      <dgm:prSet presAssocID="{8C9F1381-2410-4441-AB1C-D46DF2138737}" presName="sp" presStyleCnt="0"/>
      <dgm:spPr/>
    </dgm:pt>
    <dgm:pt modelId="{5212CB40-88C6-45C5-9A9F-53F987581CE6}" type="pres">
      <dgm:prSet presAssocID="{ED895B24-A8F5-423C-88C3-1AA69377E6DA}" presName="composite" presStyleCnt="0"/>
      <dgm:spPr/>
    </dgm:pt>
    <dgm:pt modelId="{689A8EB4-E2E8-45EA-BDAD-45BD16327EE3}" type="pres">
      <dgm:prSet presAssocID="{ED895B24-A8F5-423C-88C3-1AA69377E6DA}" presName="parentText" presStyleLbl="alignNode1" presStyleIdx="1" presStyleCnt="4">
        <dgm:presLayoutVars>
          <dgm:chMax val="1"/>
          <dgm:bulletEnabled val="1"/>
        </dgm:presLayoutVars>
      </dgm:prSet>
      <dgm:spPr/>
    </dgm:pt>
    <dgm:pt modelId="{0ABF44FC-0BC5-4C4E-829C-95A2B4106669}" type="pres">
      <dgm:prSet presAssocID="{ED895B24-A8F5-423C-88C3-1AA69377E6DA}" presName="descendantText" presStyleLbl="alignAcc1" presStyleIdx="1" presStyleCnt="4">
        <dgm:presLayoutVars>
          <dgm:bulletEnabled val="1"/>
        </dgm:presLayoutVars>
      </dgm:prSet>
      <dgm:spPr/>
    </dgm:pt>
    <dgm:pt modelId="{C3026438-041F-44BE-8E57-D87ABC2369DA}" type="pres">
      <dgm:prSet presAssocID="{2857F573-0EA3-4DCD-9E75-289077ADE21A}" presName="sp" presStyleCnt="0"/>
      <dgm:spPr/>
    </dgm:pt>
    <dgm:pt modelId="{8DD58116-E9A9-4393-9584-D9DC57C3A43E}" type="pres">
      <dgm:prSet presAssocID="{775834EE-EC10-4222-A404-B38E131D968B}" presName="composite" presStyleCnt="0"/>
      <dgm:spPr/>
    </dgm:pt>
    <dgm:pt modelId="{193B365F-12B1-48B4-A2DB-033AE9BAC48F}" type="pres">
      <dgm:prSet presAssocID="{775834EE-EC10-4222-A404-B38E131D968B}" presName="parentText" presStyleLbl="alignNode1" presStyleIdx="2" presStyleCnt="4">
        <dgm:presLayoutVars>
          <dgm:chMax val="1"/>
          <dgm:bulletEnabled val="1"/>
        </dgm:presLayoutVars>
      </dgm:prSet>
      <dgm:spPr/>
    </dgm:pt>
    <dgm:pt modelId="{9DA3B281-4843-4ACA-9D7C-C8F5512B6701}" type="pres">
      <dgm:prSet presAssocID="{775834EE-EC10-4222-A404-B38E131D968B}" presName="descendantText" presStyleLbl="alignAcc1" presStyleIdx="2" presStyleCnt="4">
        <dgm:presLayoutVars>
          <dgm:bulletEnabled val="1"/>
        </dgm:presLayoutVars>
      </dgm:prSet>
      <dgm:spPr/>
    </dgm:pt>
    <dgm:pt modelId="{FA365A4C-4048-4CB1-8F80-ED61A77F987F}" type="pres">
      <dgm:prSet presAssocID="{F04FFCF5-7C45-421E-886C-AE800338105B}" presName="sp" presStyleCnt="0"/>
      <dgm:spPr/>
    </dgm:pt>
    <dgm:pt modelId="{97C01FD2-226D-40DA-A758-8011068BB58C}" type="pres">
      <dgm:prSet presAssocID="{F11F0FDB-AE02-4E59-8F9F-C9BC69CFA9DD}" presName="composite" presStyleCnt="0"/>
      <dgm:spPr/>
    </dgm:pt>
    <dgm:pt modelId="{3644DF3E-2673-4D83-A307-C130DDE039C2}" type="pres">
      <dgm:prSet presAssocID="{F11F0FDB-AE02-4E59-8F9F-C9BC69CFA9DD}" presName="parentText" presStyleLbl="alignNode1" presStyleIdx="3" presStyleCnt="4">
        <dgm:presLayoutVars>
          <dgm:chMax val="1"/>
          <dgm:bulletEnabled val="1"/>
        </dgm:presLayoutVars>
      </dgm:prSet>
      <dgm:spPr/>
    </dgm:pt>
    <dgm:pt modelId="{BEAB0B8B-C571-456D-967C-E8D966760773}" type="pres">
      <dgm:prSet presAssocID="{F11F0FDB-AE02-4E59-8F9F-C9BC69CFA9DD}" presName="descendantText" presStyleLbl="alignAcc1" presStyleIdx="3" presStyleCnt="4">
        <dgm:presLayoutVars>
          <dgm:bulletEnabled val="1"/>
        </dgm:presLayoutVars>
      </dgm:prSet>
      <dgm:spPr/>
    </dgm:pt>
  </dgm:ptLst>
  <dgm:cxnLst>
    <dgm:cxn modelId="{3B463A21-B71E-4BF7-94B4-6040FA37E2C7}" srcId="{775834EE-EC10-4222-A404-B38E131D968B}" destId="{0059D459-1672-4888-9EA3-0819BFB8D1EE}" srcOrd="1" destOrd="0" parTransId="{D91487FD-B53D-4DF9-B753-755F308960BF}" sibTransId="{7E13062C-AFF3-4388-9AFD-2C97DB5AC1A1}"/>
    <dgm:cxn modelId="{E63DA026-9835-41BA-B40E-9FBCF06C3681}" srcId="{7C00AE97-8EF8-4ED5-804C-86EB31B05971}" destId="{77885736-28FB-40C5-B13B-D8C7C1F97770}" srcOrd="0" destOrd="0" parTransId="{93E83384-F054-4582-B7D2-C899BA50862B}" sibTransId="{FC6E3F86-F594-4F39-B3FA-44C9FF9D34ED}"/>
    <dgm:cxn modelId="{88D2542E-821B-4AEE-8DDE-1AE39F3B360F}" type="presOf" srcId="{0F6891DF-8DFB-46BE-9F24-F17CECB52162}" destId="{BEAB0B8B-C571-456D-967C-E8D966760773}" srcOrd="0" destOrd="1" presId="urn:microsoft.com/office/officeart/2005/8/layout/chevron2"/>
    <dgm:cxn modelId="{B24DBF30-9084-4E48-B75D-676FCDC9AA63}" type="presOf" srcId="{7C00AE97-8EF8-4ED5-804C-86EB31B05971}" destId="{E5478B06-63B1-4E9F-8B33-90698B17C720}" srcOrd="0" destOrd="0" presId="urn:microsoft.com/office/officeart/2005/8/layout/chevron2"/>
    <dgm:cxn modelId="{87BF833E-EEC3-47F2-8797-CEDF3CEAF46D}" type="presOf" srcId="{F11F0FDB-AE02-4E59-8F9F-C9BC69CFA9DD}" destId="{3644DF3E-2673-4D83-A307-C130DDE039C2}" srcOrd="0" destOrd="0" presId="urn:microsoft.com/office/officeart/2005/8/layout/chevron2"/>
    <dgm:cxn modelId="{8C87105C-83AB-473B-8CF9-876FC2B00189}" type="presOf" srcId="{775834EE-EC10-4222-A404-B38E131D968B}" destId="{193B365F-12B1-48B4-A2DB-033AE9BAC48F}" srcOrd="0" destOrd="0" presId="urn:microsoft.com/office/officeart/2005/8/layout/chevron2"/>
    <dgm:cxn modelId="{830EC767-EB14-4047-BFD3-3E68B10B7719}" srcId="{CA44B419-8F1B-4467-9F0D-0DA415E5997E}" destId="{7C00AE97-8EF8-4ED5-804C-86EB31B05971}" srcOrd="0" destOrd="0" parTransId="{1F472B98-5575-46E4-B3B6-BD1F3F3F53BE}" sibTransId="{8C9F1381-2410-4441-AB1C-D46DF2138737}"/>
    <dgm:cxn modelId="{F0C87B68-F654-48CD-BBCB-CC06420A5515}" srcId="{7C00AE97-8EF8-4ED5-804C-86EB31B05971}" destId="{A20F331B-2152-45F1-A3A0-56D1425805AB}" srcOrd="2" destOrd="0" parTransId="{690304DB-FD4C-4BDB-930A-25F518618557}" sibTransId="{4C49B30E-AC09-41DE-AF50-1FB61567EF45}"/>
    <dgm:cxn modelId="{610ED448-D27D-4AD8-A6E8-9B662B670BFF}" srcId="{CA44B419-8F1B-4467-9F0D-0DA415E5997E}" destId="{F11F0FDB-AE02-4E59-8F9F-C9BC69CFA9DD}" srcOrd="3" destOrd="0" parTransId="{080F71B8-1B57-476A-91A7-9EF8D742D28D}" sibTransId="{66D6422F-2D40-4D5B-95E8-08A06E88A062}"/>
    <dgm:cxn modelId="{14EE9B6E-727F-48A1-B839-5901A5A17B28}" type="presOf" srcId="{8F0A6707-847D-459B-91BA-13C75EA87CC8}" destId="{9DA3B281-4843-4ACA-9D7C-C8F5512B6701}" srcOrd="0" destOrd="2" presId="urn:microsoft.com/office/officeart/2005/8/layout/chevron2"/>
    <dgm:cxn modelId="{C4A77055-21B5-45B2-B327-8756014BF729}" type="presOf" srcId="{CA44B419-8F1B-4467-9F0D-0DA415E5997E}" destId="{2A90CC55-2477-4DEE-BED1-58BCB92F709B}" srcOrd="0" destOrd="0" presId="urn:microsoft.com/office/officeart/2005/8/layout/chevron2"/>
    <dgm:cxn modelId="{AB8AE275-12C7-421C-837B-E10F3199D069}" srcId="{ED895B24-A8F5-423C-88C3-1AA69377E6DA}" destId="{757FA63E-1326-4C11-AD9C-EE448F64095A}" srcOrd="0" destOrd="0" parTransId="{DCA02AF8-F85F-4573-802E-A10599137E8D}" sibTransId="{B3457B2F-FCDA-4477-A755-4FDA274C33B5}"/>
    <dgm:cxn modelId="{3B60B385-B431-4A67-B89B-81D66C97177A}" type="presOf" srcId="{A20F331B-2152-45F1-A3A0-56D1425805AB}" destId="{7558DCFD-95F6-4A19-89D2-8C9EABE070C9}" srcOrd="0" destOrd="2" presId="urn:microsoft.com/office/officeart/2005/8/layout/chevron2"/>
    <dgm:cxn modelId="{EF7CC58D-665F-4A43-B9CB-14113D9645B8}" type="presOf" srcId="{0059D459-1672-4888-9EA3-0819BFB8D1EE}" destId="{9DA3B281-4843-4ACA-9D7C-C8F5512B6701}" srcOrd="0" destOrd="1" presId="urn:microsoft.com/office/officeart/2005/8/layout/chevron2"/>
    <dgm:cxn modelId="{9FC3568F-4997-48E9-94AE-3BBAA5044F1C}" type="presOf" srcId="{954B9570-5709-426E-BF12-4BD2540B8A15}" destId="{0ABF44FC-0BC5-4C4E-829C-95A2B4106669}" srcOrd="0" destOrd="2" presId="urn:microsoft.com/office/officeart/2005/8/layout/chevron2"/>
    <dgm:cxn modelId="{3F851F93-1540-46CD-B763-B086857660ED}" srcId="{775834EE-EC10-4222-A404-B38E131D968B}" destId="{8F0A6707-847D-459B-91BA-13C75EA87CC8}" srcOrd="2" destOrd="0" parTransId="{319CC0C4-29D5-4541-B1DC-B553FC10A1D8}" sibTransId="{BFA11E00-E780-4E51-ADFC-3CA4A566618E}"/>
    <dgm:cxn modelId="{CA474C98-223E-497E-81D8-3F63878F049F}" type="presOf" srcId="{757FA63E-1326-4C11-AD9C-EE448F64095A}" destId="{0ABF44FC-0BC5-4C4E-829C-95A2B4106669}" srcOrd="0" destOrd="0" presId="urn:microsoft.com/office/officeart/2005/8/layout/chevron2"/>
    <dgm:cxn modelId="{5C423AA1-13FA-4D52-9F8D-F80370AE2C91}" type="presOf" srcId="{ED895B24-A8F5-423C-88C3-1AA69377E6DA}" destId="{689A8EB4-E2E8-45EA-BDAD-45BD16327EE3}" srcOrd="0" destOrd="0" presId="urn:microsoft.com/office/officeart/2005/8/layout/chevron2"/>
    <dgm:cxn modelId="{304082B3-3C0E-461C-AE29-D06A6C3FD609}" srcId="{7C00AE97-8EF8-4ED5-804C-86EB31B05971}" destId="{EFAF1B23-3B55-4CC1-828E-4E550A780CDC}" srcOrd="1" destOrd="0" parTransId="{B451544C-1AA1-4837-9699-2A847F492A83}" sibTransId="{DE2F2D0B-A1A4-4871-837E-CFB17E9CFCCB}"/>
    <dgm:cxn modelId="{184DADB4-C79C-41C8-95D8-B051E8C8DDA3}" type="presOf" srcId="{28B0648A-34DE-4A0F-BC35-84042083A6D5}" destId="{0ABF44FC-0BC5-4C4E-829C-95A2B4106669}" srcOrd="0" destOrd="1" presId="urn:microsoft.com/office/officeart/2005/8/layout/chevron2"/>
    <dgm:cxn modelId="{454E14BA-29B0-4551-83A0-18CC4ABA3B81}" srcId="{ED895B24-A8F5-423C-88C3-1AA69377E6DA}" destId="{28B0648A-34DE-4A0F-BC35-84042083A6D5}" srcOrd="1" destOrd="0" parTransId="{EA73CA30-CC75-4DD2-BF24-9A8A3C5636FE}" sibTransId="{30C83899-8D26-4251-B409-33B74B4134E4}"/>
    <dgm:cxn modelId="{85B610BD-EC28-4285-9737-7D3F79258138}" srcId="{ED895B24-A8F5-423C-88C3-1AA69377E6DA}" destId="{954B9570-5709-426E-BF12-4BD2540B8A15}" srcOrd="2" destOrd="0" parTransId="{956FF294-1CB2-4421-828C-B205E8ECAB60}" sibTransId="{8D18CF59-1CC4-4C03-B6DD-99BBAEADEA1C}"/>
    <dgm:cxn modelId="{D14287C0-69AF-4FAD-81D5-572C55CD833F}" type="presOf" srcId="{77885736-28FB-40C5-B13B-D8C7C1F97770}" destId="{7558DCFD-95F6-4A19-89D2-8C9EABE070C9}" srcOrd="0" destOrd="0" presId="urn:microsoft.com/office/officeart/2005/8/layout/chevron2"/>
    <dgm:cxn modelId="{8CB0FAC7-B143-43BD-A55E-DA9D19B78A09}" type="presOf" srcId="{5E92974D-50F6-419D-BC61-AFFA59191A0A}" destId="{BEAB0B8B-C571-456D-967C-E8D966760773}" srcOrd="0" destOrd="0" presId="urn:microsoft.com/office/officeart/2005/8/layout/chevron2"/>
    <dgm:cxn modelId="{9926B9CB-54D7-4958-B6D5-9DCC953888CD}" srcId="{775834EE-EC10-4222-A404-B38E131D968B}" destId="{F40383F0-F16D-47E2-9D6E-4E70DDAF4EEC}" srcOrd="0" destOrd="0" parTransId="{C0A22805-97FF-4CBE-B6AB-12B186AFCB80}" sibTransId="{E805B95C-B566-4A8E-A1FD-7FF00CD16EBE}"/>
    <dgm:cxn modelId="{B85BDACD-B946-441E-A797-BC1EE1283126}" srcId="{F11F0FDB-AE02-4E59-8F9F-C9BC69CFA9DD}" destId="{0F6891DF-8DFB-46BE-9F24-F17CECB52162}" srcOrd="1" destOrd="0" parTransId="{A74B66E6-33FB-440B-8621-322740FDDD99}" sibTransId="{EF6B67CF-2CA5-4C04-8012-2A5982E5BA8A}"/>
    <dgm:cxn modelId="{77E05DDB-DEB0-44B7-8A4A-2FDB46834B86}" srcId="{CA44B419-8F1B-4467-9F0D-0DA415E5997E}" destId="{775834EE-EC10-4222-A404-B38E131D968B}" srcOrd="2" destOrd="0" parTransId="{5A8E5955-B658-4B31-A5F3-2808BFB63741}" sibTransId="{F04FFCF5-7C45-421E-886C-AE800338105B}"/>
    <dgm:cxn modelId="{726150EC-4BA9-4D9E-B52E-D007ECB1486D}" type="presOf" srcId="{EFAF1B23-3B55-4CC1-828E-4E550A780CDC}" destId="{7558DCFD-95F6-4A19-89D2-8C9EABE070C9}" srcOrd="0" destOrd="1" presId="urn:microsoft.com/office/officeart/2005/8/layout/chevron2"/>
    <dgm:cxn modelId="{7B2E1FEE-8738-4DF2-8032-A70EEE8C4D74}" srcId="{CA44B419-8F1B-4467-9F0D-0DA415E5997E}" destId="{ED895B24-A8F5-423C-88C3-1AA69377E6DA}" srcOrd="1" destOrd="0" parTransId="{AB36872E-4982-450A-A902-6C821899EA51}" sibTransId="{2857F573-0EA3-4DCD-9E75-289077ADE21A}"/>
    <dgm:cxn modelId="{A153A6EE-8234-4D66-B024-364332698D75}" srcId="{F11F0FDB-AE02-4E59-8F9F-C9BC69CFA9DD}" destId="{5E92974D-50F6-419D-BC61-AFFA59191A0A}" srcOrd="0" destOrd="0" parTransId="{05E958BB-1D57-4ACD-B078-A2537E2D1E87}" sibTransId="{1A2EF043-F0E6-47B3-99B6-C08815848542}"/>
    <dgm:cxn modelId="{233011FA-0CCB-41BA-B2B5-BDF80282E2B9}" type="presOf" srcId="{F40383F0-F16D-47E2-9D6E-4E70DDAF4EEC}" destId="{9DA3B281-4843-4ACA-9D7C-C8F5512B6701}" srcOrd="0" destOrd="0" presId="urn:microsoft.com/office/officeart/2005/8/layout/chevron2"/>
    <dgm:cxn modelId="{EB18EF1C-D8AA-4C79-B607-8723EF05AE5C}" type="presParOf" srcId="{2A90CC55-2477-4DEE-BED1-58BCB92F709B}" destId="{48F34CB4-43AC-41F2-AE98-5C08FBAC2370}" srcOrd="0" destOrd="0" presId="urn:microsoft.com/office/officeart/2005/8/layout/chevron2"/>
    <dgm:cxn modelId="{8D81FDEE-B8F5-4FC1-BBA7-58AB303685CA}" type="presParOf" srcId="{48F34CB4-43AC-41F2-AE98-5C08FBAC2370}" destId="{E5478B06-63B1-4E9F-8B33-90698B17C720}" srcOrd="0" destOrd="0" presId="urn:microsoft.com/office/officeart/2005/8/layout/chevron2"/>
    <dgm:cxn modelId="{28B61237-3D71-4049-A779-DEEECFB4EB6E}" type="presParOf" srcId="{48F34CB4-43AC-41F2-AE98-5C08FBAC2370}" destId="{7558DCFD-95F6-4A19-89D2-8C9EABE070C9}" srcOrd="1" destOrd="0" presId="urn:microsoft.com/office/officeart/2005/8/layout/chevron2"/>
    <dgm:cxn modelId="{B591D8A4-A61F-4107-A3A3-4157A860E03A}" type="presParOf" srcId="{2A90CC55-2477-4DEE-BED1-58BCB92F709B}" destId="{4F2D7F39-A859-4F66-ABE8-A7C71BD38BA6}" srcOrd="1" destOrd="0" presId="urn:microsoft.com/office/officeart/2005/8/layout/chevron2"/>
    <dgm:cxn modelId="{FEAA7E01-CF52-4DAD-93E9-0C2DE4BD1B06}" type="presParOf" srcId="{2A90CC55-2477-4DEE-BED1-58BCB92F709B}" destId="{5212CB40-88C6-45C5-9A9F-53F987581CE6}" srcOrd="2" destOrd="0" presId="urn:microsoft.com/office/officeart/2005/8/layout/chevron2"/>
    <dgm:cxn modelId="{4D12791A-DCA1-4025-9FF6-9222D5A6B1AA}" type="presParOf" srcId="{5212CB40-88C6-45C5-9A9F-53F987581CE6}" destId="{689A8EB4-E2E8-45EA-BDAD-45BD16327EE3}" srcOrd="0" destOrd="0" presId="urn:microsoft.com/office/officeart/2005/8/layout/chevron2"/>
    <dgm:cxn modelId="{0F5E92A3-0D68-49EA-A847-0A894187C65D}" type="presParOf" srcId="{5212CB40-88C6-45C5-9A9F-53F987581CE6}" destId="{0ABF44FC-0BC5-4C4E-829C-95A2B4106669}" srcOrd="1" destOrd="0" presId="urn:microsoft.com/office/officeart/2005/8/layout/chevron2"/>
    <dgm:cxn modelId="{80A6DA84-A395-4A74-A733-8AF85DD9EE2C}" type="presParOf" srcId="{2A90CC55-2477-4DEE-BED1-58BCB92F709B}" destId="{C3026438-041F-44BE-8E57-D87ABC2369DA}" srcOrd="3" destOrd="0" presId="urn:microsoft.com/office/officeart/2005/8/layout/chevron2"/>
    <dgm:cxn modelId="{16CEE089-7FD2-4D03-97CE-24D73A10D089}" type="presParOf" srcId="{2A90CC55-2477-4DEE-BED1-58BCB92F709B}" destId="{8DD58116-E9A9-4393-9584-D9DC57C3A43E}" srcOrd="4" destOrd="0" presId="urn:microsoft.com/office/officeart/2005/8/layout/chevron2"/>
    <dgm:cxn modelId="{E9BB7D65-5E50-458B-8DC2-E664F3DF63AF}" type="presParOf" srcId="{8DD58116-E9A9-4393-9584-D9DC57C3A43E}" destId="{193B365F-12B1-48B4-A2DB-033AE9BAC48F}" srcOrd="0" destOrd="0" presId="urn:microsoft.com/office/officeart/2005/8/layout/chevron2"/>
    <dgm:cxn modelId="{BF974DFC-71C8-4991-908E-AC55413DB9E2}" type="presParOf" srcId="{8DD58116-E9A9-4393-9584-D9DC57C3A43E}" destId="{9DA3B281-4843-4ACA-9D7C-C8F5512B6701}" srcOrd="1" destOrd="0" presId="urn:microsoft.com/office/officeart/2005/8/layout/chevron2"/>
    <dgm:cxn modelId="{952ED2CD-0DB4-43F8-B2CA-A77BDEC10804}" type="presParOf" srcId="{2A90CC55-2477-4DEE-BED1-58BCB92F709B}" destId="{FA365A4C-4048-4CB1-8F80-ED61A77F987F}" srcOrd="5" destOrd="0" presId="urn:microsoft.com/office/officeart/2005/8/layout/chevron2"/>
    <dgm:cxn modelId="{893FA526-33D8-421D-B128-D616BD5F0B46}" type="presParOf" srcId="{2A90CC55-2477-4DEE-BED1-58BCB92F709B}" destId="{97C01FD2-226D-40DA-A758-8011068BB58C}" srcOrd="6" destOrd="0" presId="urn:microsoft.com/office/officeart/2005/8/layout/chevron2"/>
    <dgm:cxn modelId="{CFA58666-DC38-4617-9C3E-D0D576653AF3}" type="presParOf" srcId="{97C01FD2-226D-40DA-A758-8011068BB58C}" destId="{3644DF3E-2673-4D83-A307-C130DDE039C2}" srcOrd="0" destOrd="0" presId="urn:microsoft.com/office/officeart/2005/8/layout/chevron2"/>
    <dgm:cxn modelId="{B05E3EED-8A97-4DDE-8E14-CAFDD159E739}" type="presParOf" srcId="{97C01FD2-226D-40DA-A758-8011068BB58C}" destId="{BEAB0B8B-C571-456D-967C-E8D966760773}" srcOrd="1" destOrd="0" presId="urn:microsoft.com/office/officeart/2005/8/layout/chevron2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7.xml><?xml version="1.0" encoding="utf-8"?>
<dgm:dataModel xmlns:dgm="http://schemas.openxmlformats.org/drawingml/2006/diagram" xmlns:a="http://schemas.openxmlformats.org/drawingml/2006/main">
  <dgm:ptLst>
    <dgm:pt modelId="{01D7815F-7356-4047-BF8F-79A5ED6645F0}" type="doc">
      <dgm:prSet loTypeId="urn:microsoft.com/office/officeart/2005/8/layout/vList3" loCatId="list" qsTypeId="urn:microsoft.com/office/officeart/2005/8/quickstyle/simple1" qsCatId="simple" csTypeId="urn:microsoft.com/office/officeart/2005/8/colors/accent1_2" csCatId="accent1" phldr="1"/>
      <dgm:spPr/>
    </dgm:pt>
    <dgm:pt modelId="{9D0F9C6B-BCDA-4B99-8850-89CE8B4A1DC0}">
      <dgm:prSet phldrT="[Text]" custT="1"/>
      <dgm:spPr/>
      <dgm:t>
        <a:bodyPr/>
        <a:lstStyle/>
        <a:p>
          <a:r>
            <a:rPr lang="en-GB" sz="1400" b="1" dirty="0"/>
            <a:t>Onshore Production &amp; Storage</a:t>
          </a:r>
        </a:p>
        <a:p>
          <a:r>
            <a:rPr lang="en-GB" sz="1400" b="0" i="1" dirty="0"/>
            <a:t>Hydrogen to Humber (H2H)</a:t>
          </a:r>
        </a:p>
      </dgm:t>
    </dgm:pt>
    <dgm:pt modelId="{56F90068-1246-4966-AFFB-1502E7736D5D}" type="parTrans" cxnId="{A05B407E-B877-448F-8CAB-C5598C4E4588}">
      <dgm:prSet/>
      <dgm:spPr/>
      <dgm:t>
        <a:bodyPr/>
        <a:lstStyle/>
        <a:p>
          <a:endParaRPr lang="en-GB"/>
        </a:p>
      </dgm:t>
    </dgm:pt>
    <dgm:pt modelId="{DFFFCF07-95D5-4F99-8644-7CD7B83A8670}" type="sibTrans" cxnId="{A05B407E-B877-448F-8CAB-C5598C4E4588}">
      <dgm:prSet/>
      <dgm:spPr/>
      <dgm:t>
        <a:bodyPr/>
        <a:lstStyle/>
        <a:p>
          <a:endParaRPr lang="en-GB"/>
        </a:p>
      </dgm:t>
    </dgm:pt>
    <dgm:pt modelId="{FD7ED392-D276-4FEC-A87C-9F0A12C490B5}">
      <dgm:prSet custT="1"/>
      <dgm:spPr/>
      <dgm:t>
        <a:bodyPr/>
        <a:lstStyle/>
        <a:p>
          <a:r>
            <a:rPr lang="en-GB" sz="1400" b="1" dirty="0"/>
            <a:t>Offshore Production &amp; Transport</a:t>
          </a:r>
        </a:p>
        <a:p>
          <a:r>
            <a:rPr lang="en-GB" sz="1400" b="0" i="1" dirty="0"/>
            <a:t>Dolphyn</a:t>
          </a:r>
        </a:p>
      </dgm:t>
    </dgm:pt>
    <dgm:pt modelId="{A33A1230-495D-4116-A4BB-9AC3BE3F6D03}" type="parTrans" cxnId="{FD6AA738-E0C9-440F-BD0F-4DF628F0F7DA}">
      <dgm:prSet/>
      <dgm:spPr/>
      <dgm:t>
        <a:bodyPr/>
        <a:lstStyle/>
        <a:p>
          <a:endParaRPr lang="en-GB"/>
        </a:p>
      </dgm:t>
    </dgm:pt>
    <dgm:pt modelId="{30A186C9-037F-4931-ABB3-C8A5327E1A42}" type="sibTrans" cxnId="{FD6AA738-E0C9-440F-BD0F-4DF628F0F7DA}">
      <dgm:prSet/>
      <dgm:spPr/>
      <dgm:t>
        <a:bodyPr/>
        <a:lstStyle/>
        <a:p>
          <a:endParaRPr lang="en-GB"/>
        </a:p>
      </dgm:t>
    </dgm:pt>
    <dgm:pt modelId="{FC6C3F63-EFB2-4722-8BD3-79FD7FDFA1CD}">
      <dgm:prSet custT="1"/>
      <dgm:spPr/>
      <dgm:t>
        <a:bodyPr/>
        <a:lstStyle/>
        <a:p>
          <a:r>
            <a:rPr lang="en-GB" sz="1400" b="1" dirty="0"/>
            <a:t>Gas Network</a:t>
          </a:r>
        </a:p>
      </dgm:t>
    </dgm:pt>
    <dgm:pt modelId="{F6A1B02B-0B59-46B2-A469-DBB922391231}" type="parTrans" cxnId="{6C430BC2-22EC-4103-A748-27BF68DD33A0}">
      <dgm:prSet/>
      <dgm:spPr/>
      <dgm:t>
        <a:bodyPr/>
        <a:lstStyle/>
        <a:p>
          <a:endParaRPr lang="en-GB"/>
        </a:p>
      </dgm:t>
    </dgm:pt>
    <dgm:pt modelId="{1C35D72D-DBC7-4038-A22E-D13D200F66F3}" type="sibTrans" cxnId="{6C430BC2-22EC-4103-A748-27BF68DD33A0}">
      <dgm:prSet/>
      <dgm:spPr/>
      <dgm:t>
        <a:bodyPr/>
        <a:lstStyle/>
        <a:p>
          <a:endParaRPr lang="en-GB"/>
        </a:p>
      </dgm:t>
    </dgm:pt>
    <dgm:pt modelId="{1B803193-FCEE-4617-8795-47A08B3F2707}">
      <dgm:prSet custT="1"/>
      <dgm:spPr/>
      <dgm:t>
        <a:bodyPr/>
        <a:lstStyle/>
        <a:p>
          <a:r>
            <a:rPr lang="en-GB" sz="1400" b="1" dirty="0"/>
            <a:t>Refuelling Station</a:t>
          </a:r>
        </a:p>
      </dgm:t>
    </dgm:pt>
    <dgm:pt modelId="{700437F2-9331-46E1-AFDB-14502DEE392B}" type="parTrans" cxnId="{1C88D5D7-876C-4237-8B03-2238BD1A9E3F}">
      <dgm:prSet/>
      <dgm:spPr/>
      <dgm:t>
        <a:bodyPr/>
        <a:lstStyle/>
        <a:p>
          <a:endParaRPr lang="en-GB"/>
        </a:p>
      </dgm:t>
    </dgm:pt>
    <dgm:pt modelId="{7012B77C-CAD8-4E71-8CA4-1423B3D5C56C}" type="sibTrans" cxnId="{1C88D5D7-876C-4237-8B03-2238BD1A9E3F}">
      <dgm:prSet/>
      <dgm:spPr/>
      <dgm:t>
        <a:bodyPr/>
        <a:lstStyle/>
        <a:p>
          <a:endParaRPr lang="en-GB"/>
        </a:p>
      </dgm:t>
    </dgm:pt>
    <dgm:pt modelId="{A84014E0-48C9-4246-8117-4A0DCC766CCB}" type="pres">
      <dgm:prSet presAssocID="{01D7815F-7356-4047-BF8F-79A5ED6645F0}" presName="linearFlow" presStyleCnt="0">
        <dgm:presLayoutVars>
          <dgm:dir/>
          <dgm:resizeHandles val="exact"/>
        </dgm:presLayoutVars>
      </dgm:prSet>
      <dgm:spPr/>
    </dgm:pt>
    <dgm:pt modelId="{F1C702C7-C37B-468D-9C52-87C68A6E19CC}" type="pres">
      <dgm:prSet presAssocID="{9D0F9C6B-BCDA-4B99-8850-89CE8B4A1DC0}" presName="composite" presStyleCnt="0"/>
      <dgm:spPr/>
    </dgm:pt>
    <dgm:pt modelId="{1BCEA5ED-EABD-4FAA-B114-06C4DDBE6DB8}" type="pres">
      <dgm:prSet presAssocID="{9D0F9C6B-BCDA-4B99-8850-89CE8B4A1DC0}" presName="imgShp" presStyleLbl="fgImgPlace1" presStyleIdx="0" presStyleCnt="4" custScaleX="237222" custScaleY="237222"/>
      <dgm:spPr>
        <a:blipFill rotWithShape="1">
          <a:blip xmlns:r="http://schemas.openxmlformats.org/officeDocument/2006/relationships" r:embed="rId1"/>
          <a:srcRect/>
          <a:stretch>
            <a:fillRect l="-50000" r="-50000"/>
          </a:stretch>
        </a:blipFill>
      </dgm:spPr>
    </dgm:pt>
    <dgm:pt modelId="{B2B6C35C-6076-4079-AC00-B283F5C36FF3}" type="pres">
      <dgm:prSet presAssocID="{9D0F9C6B-BCDA-4B99-8850-89CE8B4A1DC0}" presName="txShp" presStyleLbl="node1" presStyleIdx="0" presStyleCnt="4" custScaleY="117965" custLinFactNeighborX="8589" custLinFactNeighborY="308">
        <dgm:presLayoutVars>
          <dgm:bulletEnabled val="1"/>
        </dgm:presLayoutVars>
      </dgm:prSet>
      <dgm:spPr/>
    </dgm:pt>
    <dgm:pt modelId="{A9F242C1-00C0-4AFB-9482-C744DFDEB837}" type="pres">
      <dgm:prSet presAssocID="{DFFFCF07-95D5-4F99-8644-7CD7B83A8670}" presName="spacing" presStyleCnt="0"/>
      <dgm:spPr/>
    </dgm:pt>
    <dgm:pt modelId="{B1DA1A48-7EEB-4642-B761-C94ED74023FF}" type="pres">
      <dgm:prSet presAssocID="{FD7ED392-D276-4FEC-A87C-9F0A12C490B5}" presName="composite" presStyleCnt="0"/>
      <dgm:spPr/>
    </dgm:pt>
    <dgm:pt modelId="{AF0A8AAB-C822-451B-91A3-D5CC627A49E8}" type="pres">
      <dgm:prSet presAssocID="{FD7ED392-D276-4FEC-A87C-9F0A12C490B5}" presName="imgShp" presStyleLbl="fgImgPlace1" presStyleIdx="1" presStyleCnt="4" custScaleX="234870" custScaleY="234870"/>
      <dgm:spPr>
        <a:blipFill rotWithShape="1">
          <a:blip xmlns:r="http://schemas.openxmlformats.org/officeDocument/2006/relationships" r:embed="rId2"/>
          <a:srcRect/>
          <a:stretch>
            <a:fillRect l="-39000" r="-39000"/>
          </a:stretch>
        </a:blipFill>
      </dgm:spPr>
    </dgm:pt>
    <dgm:pt modelId="{86803308-D74A-4ED9-BABF-B977C11E58A3}" type="pres">
      <dgm:prSet presAssocID="{FD7ED392-D276-4FEC-A87C-9F0A12C490B5}" presName="txShp" presStyleLbl="node1" presStyleIdx="1" presStyleCnt="4" custScaleY="124574" custLinFactNeighborX="9331" custLinFactNeighborY="-3622">
        <dgm:presLayoutVars>
          <dgm:bulletEnabled val="1"/>
        </dgm:presLayoutVars>
      </dgm:prSet>
      <dgm:spPr/>
    </dgm:pt>
    <dgm:pt modelId="{B1B532DA-0647-4DB5-9C97-3B2249E524C3}" type="pres">
      <dgm:prSet presAssocID="{30A186C9-037F-4931-ABB3-C8A5327E1A42}" presName="spacing" presStyleCnt="0"/>
      <dgm:spPr/>
    </dgm:pt>
    <dgm:pt modelId="{D16FBDC4-6ACB-4883-A251-09AC3051FB14}" type="pres">
      <dgm:prSet presAssocID="{FC6C3F63-EFB2-4722-8BD3-79FD7FDFA1CD}" presName="composite" presStyleCnt="0"/>
      <dgm:spPr/>
    </dgm:pt>
    <dgm:pt modelId="{FC182EB7-30CC-416C-97E7-D7C4C38FADD5}" type="pres">
      <dgm:prSet presAssocID="{FC6C3F63-EFB2-4722-8BD3-79FD7FDFA1CD}" presName="imgShp" presStyleLbl="fgImgPlace1" presStyleIdx="2" presStyleCnt="4" custScaleX="231712" custScaleY="231712"/>
      <dgm:spPr>
        <a:blipFill rotWithShape="1">
          <a:blip xmlns:r="http://schemas.openxmlformats.org/officeDocument/2006/relationships" r:embed="rId3"/>
          <a:srcRect/>
          <a:stretch>
            <a:fillRect t="-2000" b="-2000"/>
          </a:stretch>
        </a:blipFill>
      </dgm:spPr>
    </dgm:pt>
    <dgm:pt modelId="{9A097CDB-09BA-48A0-8633-00F3727A90F8}" type="pres">
      <dgm:prSet presAssocID="{FC6C3F63-EFB2-4722-8BD3-79FD7FDFA1CD}" presName="txShp" presStyleLbl="node1" presStyleIdx="2" presStyleCnt="4" custScaleY="116956" custLinFactNeighborX="9331" custLinFactNeighborY="-3622">
        <dgm:presLayoutVars>
          <dgm:bulletEnabled val="1"/>
        </dgm:presLayoutVars>
      </dgm:prSet>
      <dgm:spPr/>
    </dgm:pt>
    <dgm:pt modelId="{6B24F345-6C78-41AB-A2E6-830461D8AE8A}" type="pres">
      <dgm:prSet presAssocID="{1C35D72D-DBC7-4038-A22E-D13D200F66F3}" presName="spacing" presStyleCnt="0"/>
      <dgm:spPr/>
    </dgm:pt>
    <dgm:pt modelId="{FA73065A-401D-4B53-BD1E-9C0B032C8125}" type="pres">
      <dgm:prSet presAssocID="{1B803193-FCEE-4617-8795-47A08B3F2707}" presName="composite" presStyleCnt="0"/>
      <dgm:spPr/>
    </dgm:pt>
    <dgm:pt modelId="{4EA41EE0-FCE2-49A2-BE97-AFC4C49D60DF}" type="pres">
      <dgm:prSet presAssocID="{1B803193-FCEE-4617-8795-47A08B3F2707}" presName="imgShp" presStyleLbl="fgImgPlace1" presStyleIdx="3" presStyleCnt="4" custScaleX="226452" custScaleY="226452"/>
      <dgm:spPr>
        <a:blipFill rotWithShape="1">
          <a:blip xmlns:r="http://schemas.openxmlformats.org/officeDocument/2006/relationships" r:embed="rId4"/>
          <a:srcRect/>
          <a:stretch>
            <a:fillRect l="-25000" r="-25000"/>
          </a:stretch>
        </a:blipFill>
      </dgm:spPr>
    </dgm:pt>
    <dgm:pt modelId="{461B63ED-4013-40BF-80E3-FE84A5D1A1F2}" type="pres">
      <dgm:prSet presAssocID="{1B803193-FCEE-4617-8795-47A08B3F2707}" presName="txShp" presStyleLbl="node1" presStyleIdx="3" presStyleCnt="4" custScaleY="117756" custLinFactNeighborX="9331" custLinFactNeighborY="-3622">
        <dgm:presLayoutVars>
          <dgm:bulletEnabled val="1"/>
        </dgm:presLayoutVars>
      </dgm:prSet>
      <dgm:spPr/>
    </dgm:pt>
  </dgm:ptLst>
  <dgm:cxnLst>
    <dgm:cxn modelId="{65F0241E-3698-419C-B838-E71F3222F06A}" type="presOf" srcId="{1B803193-FCEE-4617-8795-47A08B3F2707}" destId="{461B63ED-4013-40BF-80E3-FE84A5D1A1F2}" srcOrd="0" destOrd="0" presId="urn:microsoft.com/office/officeart/2005/8/layout/vList3"/>
    <dgm:cxn modelId="{FD6AA738-E0C9-440F-BD0F-4DF628F0F7DA}" srcId="{01D7815F-7356-4047-BF8F-79A5ED6645F0}" destId="{FD7ED392-D276-4FEC-A87C-9F0A12C490B5}" srcOrd="1" destOrd="0" parTransId="{A33A1230-495D-4116-A4BB-9AC3BE3F6D03}" sibTransId="{30A186C9-037F-4931-ABB3-C8A5327E1A42}"/>
    <dgm:cxn modelId="{A05B407E-B877-448F-8CAB-C5598C4E4588}" srcId="{01D7815F-7356-4047-BF8F-79A5ED6645F0}" destId="{9D0F9C6B-BCDA-4B99-8850-89CE8B4A1DC0}" srcOrd="0" destOrd="0" parTransId="{56F90068-1246-4966-AFFB-1502E7736D5D}" sibTransId="{DFFFCF07-95D5-4F99-8644-7CD7B83A8670}"/>
    <dgm:cxn modelId="{FE269685-7BD2-4769-82C2-E2347CC8785A}" type="presOf" srcId="{FD7ED392-D276-4FEC-A87C-9F0A12C490B5}" destId="{86803308-D74A-4ED9-BABF-B977C11E58A3}" srcOrd="0" destOrd="0" presId="urn:microsoft.com/office/officeart/2005/8/layout/vList3"/>
    <dgm:cxn modelId="{24DE9AA9-6927-4D0C-86F3-8FBFC85FA9AB}" type="presOf" srcId="{FC6C3F63-EFB2-4722-8BD3-79FD7FDFA1CD}" destId="{9A097CDB-09BA-48A0-8633-00F3727A90F8}" srcOrd="0" destOrd="0" presId="urn:microsoft.com/office/officeart/2005/8/layout/vList3"/>
    <dgm:cxn modelId="{11A6D9B8-4BF8-4C86-8ACD-7BB61CE6E21C}" type="presOf" srcId="{01D7815F-7356-4047-BF8F-79A5ED6645F0}" destId="{A84014E0-48C9-4246-8117-4A0DCC766CCB}" srcOrd="0" destOrd="0" presId="urn:microsoft.com/office/officeart/2005/8/layout/vList3"/>
    <dgm:cxn modelId="{D7DF96C0-3191-439A-8629-435E33675781}" type="presOf" srcId="{9D0F9C6B-BCDA-4B99-8850-89CE8B4A1DC0}" destId="{B2B6C35C-6076-4079-AC00-B283F5C36FF3}" srcOrd="0" destOrd="0" presId="urn:microsoft.com/office/officeart/2005/8/layout/vList3"/>
    <dgm:cxn modelId="{6C430BC2-22EC-4103-A748-27BF68DD33A0}" srcId="{01D7815F-7356-4047-BF8F-79A5ED6645F0}" destId="{FC6C3F63-EFB2-4722-8BD3-79FD7FDFA1CD}" srcOrd="2" destOrd="0" parTransId="{F6A1B02B-0B59-46B2-A469-DBB922391231}" sibTransId="{1C35D72D-DBC7-4038-A22E-D13D200F66F3}"/>
    <dgm:cxn modelId="{1C88D5D7-876C-4237-8B03-2238BD1A9E3F}" srcId="{01D7815F-7356-4047-BF8F-79A5ED6645F0}" destId="{1B803193-FCEE-4617-8795-47A08B3F2707}" srcOrd="3" destOrd="0" parTransId="{700437F2-9331-46E1-AFDB-14502DEE392B}" sibTransId="{7012B77C-CAD8-4E71-8CA4-1423B3D5C56C}"/>
    <dgm:cxn modelId="{AA6C2CA4-6A22-4451-92EA-8224247DD117}" type="presParOf" srcId="{A84014E0-48C9-4246-8117-4A0DCC766CCB}" destId="{F1C702C7-C37B-468D-9C52-87C68A6E19CC}" srcOrd="0" destOrd="0" presId="urn:microsoft.com/office/officeart/2005/8/layout/vList3"/>
    <dgm:cxn modelId="{A8A26B06-9E5E-4DEC-9886-A5D327A97B0C}" type="presParOf" srcId="{F1C702C7-C37B-468D-9C52-87C68A6E19CC}" destId="{1BCEA5ED-EABD-4FAA-B114-06C4DDBE6DB8}" srcOrd="0" destOrd="0" presId="urn:microsoft.com/office/officeart/2005/8/layout/vList3"/>
    <dgm:cxn modelId="{925F86A5-B60A-47EF-B06A-79FBD6D08015}" type="presParOf" srcId="{F1C702C7-C37B-468D-9C52-87C68A6E19CC}" destId="{B2B6C35C-6076-4079-AC00-B283F5C36FF3}" srcOrd="1" destOrd="0" presId="urn:microsoft.com/office/officeart/2005/8/layout/vList3"/>
    <dgm:cxn modelId="{F18DBE14-C840-41A0-9813-F53B4248F15A}" type="presParOf" srcId="{A84014E0-48C9-4246-8117-4A0DCC766CCB}" destId="{A9F242C1-00C0-4AFB-9482-C744DFDEB837}" srcOrd="1" destOrd="0" presId="urn:microsoft.com/office/officeart/2005/8/layout/vList3"/>
    <dgm:cxn modelId="{5F8AB6FF-8641-417D-B0A1-843D9AD2B252}" type="presParOf" srcId="{A84014E0-48C9-4246-8117-4A0DCC766CCB}" destId="{B1DA1A48-7EEB-4642-B761-C94ED74023FF}" srcOrd="2" destOrd="0" presId="urn:microsoft.com/office/officeart/2005/8/layout/vList3"/>
    <dgm:cxn modelId="{733CE75A-83CE-4FDD-B668-D92E19B95227}" type="presParOf" srcId="{B1DA1A48-7EEB-4642-B761-C94ED74023FF}" destId="{AF0A8AAB-C822-451B-91A3-D5CC627A49E8}" srcOrd="0" destOrd="0" presId="urn:microsoft.com/office/officeart/2005/8/layout/vList3"/>
    <dgm:cxn modelId="{1D6D4024-F0FB-45C8-8B32-3F3140D20993}" type="presParOf" srcId="{B1DA1A48-7EEB-4642-B761-C94ED74023FF}" destId="{86803308-D74A-4ED9-BABF-B977C11E58A3}" srcOrd="1" destOrd="0" presId="urn:microsoft.com/office/officeart/2005/8/layout/vList3"/>
    <dgm:cxn modelId="{FB9D4774-0613-4860-BF9A-77D1E7D5C403}" type="presParOf" srcId="{A84014E0-48C9-4246-8117-4A0DCC766CCB}" destId="{B1B532DA-0647-4DB5-9C97-3B2249E524C3}" srcOrd="3" destOrd="0" presId="urn:microsoft.com/office/officeart/2005/8/layout/vList3"/>
    <dgm:cxn modelId="{7EA05072-53DF-4426-AE70-7A40844C4373}" type="presParOf" srcId="{A84014E0-48C9-4246-8117-4A0DCC766CCB}" destId="{D16FBDC4-6ACB-4883-A251-09AC3051FB14}" srcOrd="4" destOrd="0" presId="urn:microsoft.com/office/officeart/2005/8/layout/vList3"/>
    <dgm:cxn modelId="{FBA74D25-5A18-4C7F-B17C-CA17A0AA85F7}" type="presParOf" srcId="{D16FBDC4-6ACB-4883-A251-09AC3051FB14}" destId="{FC182EB7-30CC-416C-97E7-D7C4C38FADD5}" srcOrd="0" destOrd="0" presId="urn:microsoft.com/office/officeart/2005/8/layout/vList3"/>
    <dgm:cxn modelId="{A88AAD53-F1AF-4003-9768-32833193302C}" type="presParOf" srcId="{D16FBDC4-6ACB-4883-A251-09AC3051FB14}" destId="{9A097CDB-09BA-48A0-8633-00F3727A90F8}" srcOrd="1" destOrd="0" presId="urn:microsoft.com/office/officeart/2005/8/layout/vList3"/>
    <dgm:cxn modelId="{5E174B3F-7D9D-42B3-9AB8-771EC9976D74}" type="presParOf" srcId="{A84014E0-48C9-4246-8117-4A0DCC766CCB}" destId="{6B24F345-6C78-41AB-A2E6-830461D8AE8A}" srcOrd="5" destOrd="0" presId="urn:microsoft.com/office/officeart/2005/8/layout/vList3"/>
    <dgm:cxn modelId="{1285A41E-6489-4DC9-B761-3F26FAFB3E7E}" type="presParOf" srcId="{A84014E0-48C9-4246-8117-4A0DCC766CCB}" destId="{FA73065A-401D-4B53-BD1E-9C0B032C8125}" srcOrd="6" destOrd="0" presId="urn:microsoft.com/office/officeart/2005/8/layout/vList3"/>
    <dgm:cxn modelId="{EA361688-5E48-4A5B-A17C-5CB52A4C1214}" type="presParOf" srcId="{FA73065A-401D-4B53-BD1E-9C0B032C8125}" destId="{4EA41EE0-FCE2-49A2-BE97-AFC4C49D60DF}" srcOrd="0" destOrd="0" presId="urn:microsoft.com/office/officeart/2005/8/layout/vList3"/>
    <dgm:cxn modelId="{B8AACD06-DD61-4A1C-A429-78C61DE3A29C}" type="presParOf" srcId="{FA73065A-401D-4B53-BD1E-9C0B032C8125}" destId="{461B63ED-4013-40BF-80E3-FE84A5D1A1F2}" srcOrd="1" destOrd="0" presId="urn:microsoft.com/office/officeart/2005/8/layout/vList3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8.xml><?xml version="1.0" encoding="utf-8"?>
<dgm:dataModel xmlns:dgm="http://schemas.openxmlformats.org/drawingml/2006/diagram" xmlns:a="http://schemas.openxmlformats.org/drawingml/2006/main">
  <dgm:ptLst>
    <dgm:pt modelId="{7318162C-E330-4FBE-8CD8-0BD4B006B736}" type="doc">
      <dgm:prSet loTypeId="urn:microsoft.com/office/officeart/2005/8/layout/process2" loCatId="process" qsTypeId="urn:microsoft.com/office/officeart/2005/8/quickstyle/simple1" qsCatId="simple" csTypeId="urn:microsoft.com/office/officeart/2005/8/colors/accent1_2" csCatId="accent1" phldr="1"/>
      <dgm:spPr/>
    </dgm:pt>
    <dgm:pt modelId="{08409751-27CA-4248-A54C-AD08B13A90E4}">
      <dgm:prSet custT="1"/>
      <dgm:spPr/>
      <dgm:t>
        <a:bodyPr/>
        <a:lstStyle/>
        <a:p>
          <a:r>
            <a:rPr lang="en-GB" sz="1400" b="1" dirty="0" err="1">
              <a:solidFill>
                <a:schemeClr val="bg1"/>
              </a:solidFill>
              <a:latin typeface="Arial"/>
            </a:rPr>
            <a:t>Aldbrough</a:t>
          </a:r>
          <a:r>
            <a:rPr lang="en-GB" sz="1400" b="1" dirty="0">
              <a:solidFill>
                <a:schemeClr val="bg1"/>
              </a:solidFill>
              <a:latin typeface="Arial"/>
            </a:rPr>
            <a:t> Hydrogen Storage</a:t>
          </a:r>
        </a:p>
        <a:p>
          <a:r>
            <a:rPr lang="en-GB" sz="1400" dirty="0">
              <a:solidFill>
                <a:schemeClr val="bg1"/>
              </a:solidFill>
              <a:latin typeface="Arial"/>
            </a:rPr>
            <a:t>Cavern storage of hydrogen</a:t>
          </a:r>
        </a:p>
      </dgm:t>
    </dgm:pt>
    <dgm:pt modelId="{3E32835E-05BC-4F76-BA4C-3EB114A76386}" type="parTrans" cxnId="{11F82F0D-C489-444D-8212-EB3FF689C072}">
      <dgm:prSet/>
      <dgm:spPr/>
      <dgm:t>
        <a:bodyPr/>
        <a:lstStyle/>
        <a:p>
          <a:endParaRPr lang="en-GB"/>
        </a:p>
      </dgm:t>
    </dgm:pt>
    <dgm:pt modelId="{E9236214-C78C-46CE-8F96-9B4ADC491647}" type="sibTrans" cxnId="{11F82F0D-C489-444D-8212-EB3FF689C072}">
      <dgm:prSet/>
      <dgm:spPr/>
      <dgm:t>
        <a:bodyPr/>
        <a:lstStyle/>
        <a:p>
          <a:endParaRPr lang="en-GB"/>
        </a:p>
      </dgm:t>
    </dgm:pt>
    <dgm:pt modelId="{98FAA2A4-EFBD-4C41-A2EB-E4A15BB55A6B}">
      <dgm:prSet phldrT="[Text]" custT="1"/>
      <dgm:spPr/>
      <dgm:t>
        <a:bodyPr/>
        <a:lstStyle/>
        <a:p>
          <a:pPr>
            <a:buClr>
              <a:srgbClr val="F37021"/>
            </a:buClr>
            <a:buFont typeface="Arial" pitchFamily="34" charset="0"/>
            <a:buChar char="•"/>
          </a:pPr>
          <a:r>
            <a:rPr lang="en-GB" sz="1400" b="1" dirty="0">
              <a:solidFill>
                <a:schemeClr val="bg1"/>
              </a:solidFill>
              <a:latin typeface="Arial"/>
            </a:rPr>
            <a:t>H2H </a:t>
          </a:r>
          <a:r>
            <a:rPr lang="en-GB" sz="1400" b="1" dirty="0" err="1">
              <a:solidFill>
                <a:schemeClr val="bg1"/>
              </a:solidFill>
              <a:latin typeface="Arial"/>
            </a:rPr>
            <a:t>Saltend</a:t>
          </a:r>
          <a:endParaRPr lang="en-GB" sz="1400" b="1" dirty="0">
            <a:solidFill>
              <a:schemeClr val="bg1"/>
            </a:solidFill>
            <a:latin typeface="Arial"/>
          </a:endParaRPr>
        </a:p>
        <a:p>
          <a:pPr>
            <a:buClr>
              <a:srgbClr val="F37021"/>
            </a:buClr>
            <a:buFont typeface="Arial" pitchFamily="34" charset="0"/>
            <a:buChar char="•"/>
          </a:pPr>
          <a:r>
            <a:rPr lang="en-GB" sz="1400" dirty="0">
              <a:solidFill>
                <a:schemeClr val="bg1"/>
              </a:solidFill>
              <a:latin typeface="Arial"/>
            </a:rPr>
            <a:t>‘Blue’ hydrogen production </a:t>
          </a:r>
        </a:p>
        <a:p>
          <a:pPr>
            <a:buClr>
              <a:srgbClr val="F37021"/>
            </a:buClr>
            <a:buFont typeface="Arial" pitchFamily="34" charset="0"/>
            <a:buChar char="•"/>
          </a:pPr>
          <a:r>
            <a:rPr lang="en-GB" sz="1400" dirty="0">
              <a:solidFill>
                <a:schemeClr val="bg1"/>
              </a:solidFill>
              <a:latin typeface="Arial"/>
            </a:rPr>
            <a:t>(NG reforming with CCS)</a:t>
          </a:r>
          <a:endParaRPr lang="en-GB" sz="1400" dirty="0">
            <a:solidFill>
              <a:schemeClr val="bg1"/>
            </a:solidFill>
          </a:endParaRPr>
        </a:p>
      </dgm:t>
    </dgm:pt>
    <dgm:pt modelId="{ED13E609-9B64-41FC-AD59-EE5A3A4D1E23}" type="parTrans" cxnId="{51684BF2-696E-48E3-9902-5C8908B65C18}">
      <dgm:prSet/>
      <dgm:spPr/>
      <dgm:t>
        <a:bodyPr/>
        <a:lstStyle/>
        <a:p>
          <a:endParaRPr lang="en-GB"/>
        </a:p>
      </dgm:t>
    </dgm:pt>
    <dgm:pt modelId="{46247387-55BA-46B7-B8B6-CB60FBC28C2F}" type="sibTrans" cxnId="{51684BF2-696E-48E3-9902-5C8908B65C18}">
      <dgm:prSet/>
      <dgm:spPr/>
      <dgm:t>
        <a:bodyPr/>
        <a:lstStyle/>
        <a:p>
          <a:endParaRPr lang="en-GB"/>
        </a:p>
      </dgm:t>
    </dgm:pt>
    <dgm:pt modelId="{2E816BFE-2AE7-4C52-8F88-F07F61940E40}" type="pres">
      <dgm:prSet presAssocID="{7318162C-E330-4FBE-8CD8-0BD4B006B736}" presName="linearFlow" presStyleCnt="0">
        <dgm:presLayoutVars>
          <dgm:resizeHandles val="exact"/>
        </dgm:presLayoutVars>
      </dgm:prSet>
      <dgm:spPr/>
    </dgm:pt>
    <dgm:pt modelId="{2F9DE204-15F9-4764-9A52-EA9AFC6E6AEC}" type="pres">
      <dgm:prSet presAssocID="{98FAA2A4-EFBD-4C41-A2EB-E4A15BB55A6B}" presName="node" presStyleLbl="node1" presStyleIdx="0" presStyleCnt="2" custScaleX="136835">
        <dgm:presLayoutVars>
          <dgm:bulletEnabled val="1"/>
        </dgm:presLayoutVars>
      </dgm:prSet>
      <dgm:spPr/>
    </dgm:pt>
    <dgm:pt modelId="{90EA7C8B-D058-40EB-9CBF-DC709AC5DFE9}" type="pres">
      <dgm:prSet presAssocID="{46247387-55BA-46B7-B8B6-CB60FBC28C2F}" presName="sibTrans" presStyleLbl="sibTrans2D1" presStyleIdx="0" presStyleCnt="1"/>
      <dgm:spPr/>
    </dgm:pt>
    <dgm:pt modelId="{6F46A5C4-DC7D-4911-8CE9-CB1B6B38E898}" type="pres">
      <dgm:prSet presAssocID="{46247387-55BA-46B7-B8B6-CB60FBC28C2F}" presName="connectorText" presStyleLbl="sibTrans2D1" presStyleIdx="0" presStyleCnt="1"/>
      <dgm:spPr/>
    </dgm:pt>
    <dgm:pt modelId="{12274976-24C7-4B4C-954C-DA3D321288C9}" type="pres">
      <dgm:prSet presAssocID="{08409751-27CA-4248-A54C-AD08B13A90E4}" presName="node" presStyleLbl="node1" presStyleIdx="1" presStyleCnt="2" custScaleX="136835">
        <dgm:presLayoutVars>
          <dgm:bulletEnabled val="1"/>
        </dgm:presLayoutVars>
      </dgm:prSet>
      <dgm:spPr/>
    </dgm:pt>
  </dgm:ptLst>
  <dgm:cxnLst>
    <dgm:cxn modelId="{11F82F0D-C489-444D-8212-EB3FF689C072}" srcId="{7318162C-E330-4FBE-8CD8-0BD4B006B736}" destId="{08409751-27CA-4248-A54C-AD08B13A90E4}" srcOrd="1" destOrd="0" parTransId="{3E32835E-05BC-4F76-BA4C-3EB114A76386}" sibTransId="{E9236214-C78C-46CE-8F96-9B4ADC491647}"/>
    <dgm:cxn modelId="{AD87E165-498A-45D0-B558-BB40613B2081}" type="presOf" srcId="{08409751-27CA-4248-A54C-AD08B13A90E4}" destId="{12274976-24C7-4B4C-954C-DA3D321288C9}" srcOrd="0" destOrd="0" presId="urn:microsoft.com/office/officeart/2005/8/layout/process2"/>
    <dgm:cxn modelId="{62100672-2E13-4994-A6A9-7A0F4E53C9AC}" type="presOf" srcId="{98FAA2A4-EFBD-4C41-A2EB-E4A15BB55A6B}" destId="{2F9DE204-15F9-4764-9A52-EA9AFC6E6AEC}" srcOrd="0" destOrd="0" presId="urn:microsoft.com/office/officeart/2005/8/layout/process2"/>
    <dgm:cxn modelId="{F7D171A3-D76C-4CE7-928A-F52DAABC8009}" type="presOf" srcId="{7318162C-E330-4FBE-8CD8-0BD4B006B736}" destId="{2E816BFE-2AE7-4C52-8F88-F07F61940E40}" srcOrd="0" destOrd="0" presId="urn:microsoft.com/office/officeart/2005/8/layout/process2"/>
    <dgm:cxn modelId="{D90FCED1-3624-42CF-AD72-5EC1768E570E}" type="presOf" srcId="{46247387-55BA-46B7-B8B6-CB60FBC28C2F}" destId="{6F46A5C4-DC7D-4911-8CE9-CB1B6B38E898}" srcOrd="1" destOrd="0" presId="urn:microsoft.com/office/officeart/2005/8/layout/process2"/>
    <dgm:cxn modelId="{51684BF2-696E-48E3-9902-5C8908B65C18}" srcId="{7318162C-E330-4FBE-8CD8-0BD4B006B736}" destId="{98FAA2A4-EFBD-4C41-A2EB-E4A15BB55A6B}" srcOrd="0" destOrd="0" parTransId="{ED13E609-9B64-41FC-AD59-EE5A3A4D1E23}" sibTransId="{46247387-55BA-46B7-B8B6-CB60FBC28C2F}"/>
    <dgm:cxn modelId="{67635EFA-ACB5-4BD4-B4A6-3F44A500ACFF}" type="presOf" srcId="{46247387-55BA-46B7-B8B6-CB60FBC28C2F}" destId="{90EA7C8B-D058-40EB-9CBF-DC709AC5DFE9}" srcOrd="0" destOrd="0" presId="urn:microsoft.com/office/officeart/2005/8/layout/process2"/>
    <dgm:cxn modelId="{E9FC12B4-5F8B-488D-8D82-311DBA2DD029}" type="presParOf" srcId="{2E816BFE-2AE7-4C52-8F88-F07F61940E40}" destId="{2F9DE204-15F9-4764-9A52-EA9AFC6E6AEC}" srcOrd="0" destOrd="0" presId="urn:microsoft.com/office/officeart/2005/8/layout/process2"/>
    <dgm:cxn modelId="{913AE688-6BEE-462F-994B-1AE987C2081F}" type="presParOf" srcId="{2E816BFE-2AE7-4C52-8F88-F07F61940E40}" destId="{90EA7C8B-D058-40EB-9CBF-DC709AC5DFE9}" srcOrd="1" destOrd="0" presId="urn:microsoft.com/office/officeart/2005/8/layout/process2"/>
    <dgm:cxn modelId="{E8592663-721B-4327-8E54-52A0D9C97663}" type="presParOf" srcId="{90EA7C8B-D058-40EB-9CBF-DC709AC5DFE9}" destId="{6F46A5C4-DC7D-4911-8CE9-CB1B6B38E898}" srcOrd="0" destOrd="0" presId="urn:microsoft.com/office/officeart/2005/8/layout/process2"/>
    <dgm:cxn modelId="{DEEFDA19-48C4-4D52-AB0D-1FEC42F44490}" type="presParOf" srcId="{2E816BFE-2AE7-4C52-8F88-F07F61940E40}" destId="{12274976-24C7-4B4C-954C-DA3D321288C9}" srcOrd="2" destOrd="0" presId="urn:microsoft.com/office/officeart/2005/8/layout/process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9.xml><?xml version="1.0" encoding="utf-8"?>
<dgm:dataModel xmlns:dgm="http://schemas.openxmlformats.org/drawingml/2006/diagram" xmlns:a="http://schemas.openxmlformats.org/drawingml/2006/main">
  <dgm:ptLst>
    <dgm:pt modelId="{B7F8619E-009F-48F2-822C-E515391B6531}" type="doc">
      <dgm:prSet loTypeId="urn:microsoft.com/office/officeart/2005/8/layout/vList5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C659F64D-6CF4-4F82-AFB5-0F3643769853}">
      <dgm:prSet custT="1"/>
      <dgm:spPr/>
      <dgm:t>
        <a:bodyPr/>
        <a:lstStyle/>
        <a:p>
          <a:r>
            <a:rPr lang="en-GB" sz="2800" b="1"/>
            <a:t>Regulatory Framework</a:t>
          </a:r>
          <a:endParaRPr lang="en-US" sz="2800" dirty="0"/>
        </a:p>
      </dgm:t>
    </dgm:pt>
    <dgm:pt modelId="{CDC1A526-EE7E-4FB5-821A-E8C335A21469}" type="parTrans" cxnId="{97D4F735-A8A9-4844-88C8-172F3427AC68}">
      <dgm:prSet/>
      <dgm:spPr/>
      <dgm:t>
        <a:bodyPr/>
        <a:lstStyle/>
        <a:p>
          <a:endParaRPr lang="en-US"/>
        </a:p>
      </dgm:t>
    </dgm:pt>
    <dgm:pt modelId="{44D1FD2D-A46D-43AA-8CF9-145208E53353}" type="sibTrans" cxnId="{97D4F735-A8A9-4844-88C8-172F3427AC68}">
      <dgm:prSet/>
      <dgm:spPr/>
      <dgm:t>
        <a:bodyPr/>
        <a:lstStyle/>
        <a:p>
          <a:endParaRPr lang="en-US"/>
        </a:p>
      </dgm:t>
    </dgm:pt>
    <dgm:pt modelId="{457F9396-8950-4FE9-8044-D63028FD9401}">
      <dgm:prSet custT="1"/>
      <dgm:spPr/>
      <dgm:t>
        <a:bodyPr/>
        <a:lstStyle/>
        <a:p>
          <a:r>
            <a:rPr lang="en-GB" sz="1800" dirty="0"/>
            <a:t>COMAH</a:t>
          </a:r>
          <a:endParaRPr lang="en-US" sz="1800" dirty="0"/>
        </a:p>
      </dgm:t>
    </dgm:pt>
    <dgm:pt modelId="{29660A7E-4B70-41B3-B18D-3A1292E41CA0}" type="parTrans" cxnId="{BB2F2505-2CC6-4384-AB71-FA44F05D9FF1}">
      <dgm:prSet/>
      <dgm:spPr/>
      <dgm:t>
        <a:bodyPr/>
        <a:lstStyle/>
        <a:p>
          <a:endParaRPr lang="en-US"/>
        </a:p>
      </dgm:t>
    </dgm:pt>
    <dgm:pt modelId="{E237E56B-8472-432E-8470-E4B85EE48DF3}" type="sibTrans" cxnId="{BB2F2505-2CC6-4384-AB71-FA44F05D9FF1}">
      <dgm:prSet/>
      <dgm:spPr/>
      <dgm:t>
        <a:bodyPr/>
        <a:lstStyle/>
        <a:p>
          <a:endParaRPr lang="en-US"/>
        </a:p>
      </dgm:t>
    </dgm:pt>
    <dgm:pt modelId="{705F96CE-8928-4365-886E-AC47F0052D5B}">
      <dgm:prSet custT="1"/>
      <dgm:spPr/>
      <dgm:t>
        <a:bodyPr/>
        <a:lstStyle/>
        <a:p>
          <a:r>
            <a:rPr lang="en-GB" sz="2800" b="1"/>
            <a:t>Key</a:t>
          </a:r>
          <a:r>
            <a:rPr lang="en-GB" sz="3000" b="1"/>
            <a:t> </a:t>
          </a:r>
          <a:r>
            <a:rPr lang="en-GB" sz="2800" b="1"/>
            <a:t>Findings</a:t>
          </a:r>
          <a:endParaRPr lang="en-US" sz="3000" dirty="0"/>
        </a:p>
      </dgm:t>
    </dgm:pt>
    <dgm:pt modelId="{1D86CA92-BF7C-4082-81FD-A54F2610B9E9}" type="parTrans" cxnId="{41731050-45A3-4676-8A5E-ACA89DCA00D6}">
      <dgm:prSet/>
      <dgm:spPr/>
      <dgm:t>
        <a:bodyPr/>
        <a:lstStyle/>
        <a:p>
          <a:endParaRPr lang="en-US"/>
        </a:p>
      </dgm:t>
    </dgm:pt>
    <dgm:pt modelId="{12DBB84E-D8FE-41E2-93A6-9C6D94120C6E}" type="sibTrans" cxnId="{41731050-45A3-4676-8A5E-ACA89DCA00D6}">
      <dgm:prSet/>
      <dgm:spPr/>
      <dgm:t>
        <a:bodyPr/>
        <a:lstStyle/>
        <a:p>
          <a:endParaRPr lang="en-US"/>
        </a:p>
      </dgm:t>
    </dgm:pt>
    <dgm:pt modelId="{4702E3F9-D370-4089-99A1-7B5EC7FBFAA1}">
      <dgm:prSet custT="1"/>
      <dgm:spPr/>
      <dgm:t>
        <a:bodyPr/>
        <a:lstStyle/>
        <a:p>
          <a:r>
            <a:rPr lang="en-GB" sz="1800" dirty="0"/>
            <a:t>Lack of single published BAT for CCS when carried out via SMR</a:t>
          </a:r>
          <a:endParaRPr lang="en-US" sz="1800" dirty="0"/>
        </a:p>
      </dgm:t>
    </dgm:pt>
    <dgm:pt modelId="{BFFAF8CC-08D7-44C8-9C3A-3AC193FF33A9}" type="parTrans" cxnId="{5D63B416-33A0-4ED8-9DF8-2786A82D7F96}">
      <dgm:prSet/>
      <dgm:spPr/>
      <dgm:t>
        <a:bodyPr/>
        <a:lstStyle/>
        <a:p>
          <a:endParaRPr lang="en-US"/>
        </a:p>
      </dgm:t>
    </dgm:pt>
    <dgm:pt modelId="{B4A7C8C9-268A-488A-81BC-43588F32F89A}" type="sibTrans" cxnId="{5D63B416-33A0-4ED8-9DF8-2786A82D7F96}">
      <dgm:prSet/>
      <dgm:spPr/>
      <dgm:t>
        <a:bodyPr/>
        <a:lstStyle/>
        <a:p>
          <a:endParaRPr lang="en-US"/>
        </a:p>
      </dgm:t>
    </dgm:pt>
    <dgm:pt modelId="{564385BD-6B6A-4DC8-8868-29C7802AC9B1}">
      <dgm:prSet custT="1"/>
      <dgm:spPr/>
      <dgm:t>
        <a:bodyPr/>
        <a:lstStyle/>
        <a:p>
          <a:r>
            <a:rPr lang="en-GB" sz="1800" dirty="0"/>
            <a:t>General Health and Safety legislation</a:t>
          </a:r>
          <a:endParaRPr lang="en-US" sz="1800" dirty="0"/>
        </a:p>
      </dgm:t>
    </dgm:pt>
    <dgm:pt modelId="{F9F02937-CE69-4DE0-A15D-744C4133EEFC}" type="parTrans" cxnId="{95946CF7-3FE0-4FB9-BDA6-512DCA11E7AD}">
      <dgm:prSet/>
      <dgm:spPr/>
      <dgm:t>
        <a:bodyPr/>
        <a:lstStyle/>
        <a:p>
          <a:endParaRPr lang="en-GB"/>
        </a:p>
      </dgm:t>
    </dgm:pt>
    <dgm:pt modelId="{8B7F445E-4F82-4727-85EF-E27A7791F1E6}" type="sibTrans" cxnId="{95946CF7-3FE0-4FB9-BDA6-512DCA11E7AD}">
      <dgm:prSet/>
      <dgm:spPr/>
      <dgm:t>
        <a:bodyPr/>
        <a:lstStyle/>
        <a:p>
          <a:endParaRPr lang="en-GB"/>
        </a:p>
      </dgm:t>
    </dgm:pt>
    <dgm:pt modelId="{38CA8EE8-8459-45DB-8B25-864BEBAA87E9}">
      <dgm:prSet custT="1"/>
      <dgm:spPr/>
      <dgm:t>
        <a:bodyPr/>
        <a:lstStyle/>
        <a:p>
          <a:r>
            <a:rPr lang="en-GB" sz="1800" dirty="0"/>
            <a:t>Environmental permit for regulated activities</a:t>
          </a:r>
          <a:endParaRPr lang="en-US" sz="1800" dirty="0"/>
        </a:p>
      </dgm:t>
    </dgm:pt>
    <dgm:pt modelId="{F7E74699-3939-4118-BE93-018666707F8D}" type="parTrans" cxnId="{8CCAE5DF-EDA7-4A07-8906-EFC35F430E72}">
      <dgm:prSet/>
      <dgm:spPr/>
      <dgm:t>
        <a:bodyPr/>
        <a:lstStyle/>
        <a:p>
          <a:endParaRPr lang="en-GB"/>
        </a:p>
      </dgm:t>
    </dgm:pt>
    <dgm:pt modelId="{5B5EFD28-72B8-4BAD-8763-D280D455FAA5}" type="sibTrans" cxnId="{8CCAE5DF-EDA7-4A07-8906-EFC35F430E72}">
      <dgm:prSet/>
      <dgm:spPr/>
      <dgm:t>
        <a:bodyPr/>
        <a:lstStyle/>
        <a:p>
          <a:endParaRPr lang="en-GB"/>
        </a:p>
      </dgm:t>
    </dgm:pt>
    <dgm:pt modelId="{FC8296BF-458E-4326-8D93-31A63FF46707}">
      <dgm:prSet custT="1"/>
      <dgm:spPr/>
      <dgm:t>
        <a:bodyPr/>
        <a:lstStyle/>
        <a:p>
          <a:r>
            <a:rPr lang="en-GB" sz="1800" dirty="0"/>
            <a:t>Lack of accepted method for modelling risk from Carbon Dioxide created during the process</a:t>
          </a:r>
          <a:endParaRPr lang="en-US" sz="1800" dirty="0"/>
        </a:p>
      </dgm:t>
    </dgm:pt>
    <dgm:pt modelId="{AFA2D719-CEB8-4416-97D6-FDB8AE664F80}" type="parTrans" cxnId="{A08E7927-B957-472B-8A98-196D241AAF2C}">
      <dgm:prSet/>
      <dgm:spPr/>
      <dgm:t>
        <a:bodyPr/>
        <a:lstStyle/>
        <a:p>
          <a:endParaRPr lang="en-GB"/>
        </a:p>
      </dgm:t>
    </dgm:pt>
    <dgm:pt modelId="{2E83AE4C-DB16-46FF-943D-54B948299929}" type="sibTrans" cxnId="{A08E7927-B957-472B-8A98-196D241AAF2C}">
      <dgm:prSet/>
      <dgm:spPr/>
      <dgm:t>
        <a:bodyPr/>
        <a:lstStyle/>
        <a:p>
          <a:endParaRPr lang="en-GB"/>
        </a:p>
      </dgm:t>
    </dgm:pt>
    <dgm:pt modelId="{61B53EF9-4D7D-4B75-BF42-484AFC10312A}" type="pres">
      <dgm:prSet presAssocID="{B7F8619E-009F-48F2-822C-E515391B6531}" presName="Name0" presStyleCnt="0">
        <dgm:presLayoutVars>
          <dgm:dir/>
          <dgm:animLvl val="lvl"/>
          <dgm:resizeHandles val="exact"/>
        </dgm:presLayoutVars>
      </dgm:prSet>
      <dgm:spPr/>
    </dgm:pt>
    <dgm:pt modelId="{C0EC9985-F601-41D9-A4E5-FE35CBA66562}" type="pres">
      <dgm:prSet presAssocID="{C659F64D-6CF4-4F82-AFB5-0F3643769853}" presName="linNode" presStyleCnt="0"/>
      <dgm:spPr/>
    </dgm:pt>
    <dgm:pt modelId="{6FA1F704-9804-4042-A55D-43539626AE14}" type="pres">
      <dgm:prSet presAssocID="{C659F64D-6CF4-4F82-AFB5-0F3643769853}" presName="parentText" presStyleLbl="node1" presStyleIdx="0" presStyleCnt="2">
        <dgm:presLayoutVars>
          <dgm:chMax val="1"/>
          <dgm:bulletEnabled val="1"/>
        </dgm:presLayoutVars>
      </dgm:prSet>
      <dgm:spPr/>
    </dgm:pt>
    <dgm:pt modelId="{4B9CE54C-8E91-4FFC-A5FB-DC457C71DE1D}" type="pres">
      <dgm:prSet presAssocID="{C659F64D-6CF4-4F82-AFB5-0F3643769853}" presName="descendantText" presStyleLbl="alignAccFollowNode1" presStyleIdx="0" presStyleCnt="2">
        <dgm:presLayoutVars>
          <dgm:bulletEnabled val="1"/>
        </dgm:presLayoutVars>
      </dgm:prSet>
      <dgm:spPr/>
    </dgm:pt>
    <dgm:pt modelId="{FE67FF4B-4146-4ABD-9FAD-668776311134}" type="pres">
      <dgm:prSet presAssocID="{44D1FD2D-A46D-43AA-8CF9-145208E53353}" presName="sp" presStyleCnt="0"/>
      <dgm:spPr/>
    </dgm:pt>
    <dgm:pt modelId="{9FFD5856-7220-4B72-8274-6B63FEFDA626}" type="pres">
      <dgm:prSet presAssocID="{705F96CE-8928-4365-886E-AC47F0052D5B}" presName="linNode" presStyleCnt="0"/>
      <dgm:spPr/>
    </dgm:pt>
    <dgm:pt modelId="{331D690B-3C86-4971-8D30-280730EBB5A7}" type="pres">
      <dgm:prSet presAssocID="{705F96CE-8928-4365-886E-AC47F0052D5B}" presName="parentText" presStyleLbl="node1" presStyleIdx="1" presStyleCnt="2">
        <dgm:presLayoutVars>
          <dgm:chMax val="1"/>
          <dgm:bulletEnabled val="1"/>
        </dgm:presLayoutVars>
      </dgm:prSet>
      <dgm:spPr/>
    </dgm:pt>
    <dgm:pt modelId="{8CBE2CDB-1A8A-4C42-A842-F7CF97391940}" type="pres">
      <dgm:prSet presAssocID="{705F96CE-8928-4365-886E-AC47F0052D5B}" presName="descendantText" presStyleLbl="alignAccFollowNode1" presStyleIdx="1" presStyleCnt="2">
        <dgm:presLayoutVars>
          <dgm:bulletEnabled val="1"/>
        </dgm:presLayoutVars>
      </dgm:prSet>
      <dgm:spPr/>
    </dgm:pt>
  </dgm:ptLst>
  <dgm:cxnLst>
    <dgm:cxn modelId="{1BEE8E00-7C8F-4C5D-ACDF-705F2B42C5F8}" type="presOf" srcId="{705F96CE-8928-4365-886E-AC47F0052D5B}" destId="{331D690B-3C86-4971-8D30-280730EBB5A7}" srcOrd="0" destOrd="0" presId="urn:microsoft.com/office/officeart/2005/8/layout/vList5"/>
    <dgm:cxn modelId="{B35D1803-881E-45CC-BBF0-04F4A98B2086}" type="presOf" srcId="{C659F64D-6CF4-4F82-AFB5-0F3643769853}" destId="{6FA1F704-9804-4042-A55D-43539626AE14}" srcOrd="0" destOrd="0" presId="urn:microsoft.com/office/officeart/2005/8/layout/vList5"/>
    <dgm:cxn modelId="{BB2F2505-2CC6-4384-AB71-FA44F05D9FF1}" srcId="{C659F64D-6CF4-4F82-AFB5-0F3643769853}" destId="{457F9396-8950-4FE9-8044-D63028FD9401}" srcOrd="0" destOrd="0" parTransId="{29660A7E-4B70-41B3-B18D-3A1292E41CA0}" sibTransId="{E237E56B-8472-432E-8470-E4B85EE48DF3}"/>
    <dgm:cxn modelId="{5D63B416-33A0-4ED8-9DF8-2786A82D7F96}" srcId="{705F96CE-8928-4365-886E-AC47F0052D5B}" destId="{4702E3F9-D370-4089-99A1-7B5EC7FBFAA1}" srcOrd="0" destOrd="0" parTransId="{BFFAF8CC-08D7-44C8-9C3A-3AC193FF33A9}" sibTransId="{B4A7C8C9-268A-488A-81BC-43588F32F89A}"/>
    <dgm:cxn modelId="{A08E7927-B957-472B-8A98-196D241AAF2C}" srcId="{705F96CE-8928-4365-886E-AC47F0052D5B}" destId="{FC8296BF-458E-4326-8D93-31A63FF46707}" srcOrd="1" destOrd="0" parTransId="{AFA2D719-CEB8-4416-97D6-FDB8AE664F80}" sibTransId="{2E83AE4C-DB16-46FF-943D-54B948299929}"/>
    <dgm:cxn modelId="{C501E528-6D06-41B7-8081-33C2DA9BF841}" type="presOf" srcId="{564385BD-6B6A-4DC8-8868-29C7802AC9B1}" destId="{4B9CE54C-8E91-4FFC-A5FB-DC457C71DE1D}" srcOrd="0" destOrd="1" presId="urn:microsoft.com/office/officeart/2005/8/layout/vList5"/>
    <dgm:cxn modelId="{F2E0DB32-6DFA-464A-BC12-CAFDD52DBDBE}" type="presOf" srcId="{457F9396-8950-4FE9-8044-D63028FD9401}" destId="{4B9CE54C-8E91-4FFC-A5FB-DC457C71DE1D}" srcOrd="0" destOrd="0" presId="urn:microsoft.com/office/officeart/2005/8/layout/vList5"/>
    <dgm:cxn modelId="{97D4F735-A8A9-4844-88C8-172F3427AC68}" srcId="{B7F8619E-009F-48F2-822C-E515391B6531}" destId="{C659F64D-6CF4-4F82-AFB5-0F3643769853}" srcOrd="0" destOrd="0" parTransId="{CDC1A526-EE7E-4FB5-821A-E8C335A21469}" sibTransId="{44D1FD2D-A46D-43AA-8CF9-145208E53353}"/>
    <dgm:cxn modelId="{AC4D7349-1C51-44E4-8C49-72CB5ECF5B36}" type="presOf" srcId="{FC8296BF-458E-4326-8D93-31A63FF46707}" destId="{8CBE2CDB-1A8A-4C42-A842-F7CF97391940}" srcOrd="0" destOrd="1" presId="urn:microsoft.com/office/officeart/2005/8/layout/vList5"/>
    <dgm:cxn modelId="{41731050-45A3-4676-8A5E-ACA89DCA00D6}" srcId="{B7F8619E-009F-48F2-822C-E515391B6531}" destId="{705F96CE-8928-4365-886E-AC47F0052D5B}" srcOrd="1" destOrd="0" parTransId="{1D86CA92-BF7C-4082-81FD-A54F2610B9E9}" sibTransId="{12DBB84E-D8FE-41E2-93A6-9C6D94120C6E}"/>
    <dgm:cxn modelId="{AEF733AE-7D70-435D-920A-7758140E700A}" type="presOf" srcId="{38CA8EE8-8459-45DB-8B25-864BEBAA87E9}" destId="{4B9CE54C-8E91-4FFC-A5FB-DC457C71DE1D}" srcOrd="0" destOrd="2" presId="urn:microsoft.com/office/officeart/2005/8/layout/vList5"/>
    <dgm:cxn modelId="{C5A8D0D7-7109-4E7A-86BA-68BDB0F156D3}" type="presOf" srcId="{B7F8619E-009F-48F2-822C-E515391B6531}" destId="{61B53EF9-4D7D-4B75-BF42-484AFC10312A}" srcOrd="0" destOrd="0" presId="urn:microsoft.com/office/officeart/2005/8/layout/vList5"/>
    <dgm:cxn modelId="{8CCAE5DF-EDA7-4A07-8906-EFC35F430E72}" srcId="{C659F64D-6CF4-4F82-AFB5-0F3643769853}" destId="{38CA8EE8-8459-45DB-8B25-864BEBAA87E9}" srcOrd="2" destOrd="0" parTransId="{F7E74699-3939-4118-BE93-018666707F8D}" sibTransId="{5B5EFD28-72B8-4BAD-8763-D280D455FAA5}"/>
    <dgm:cxn modelId="{95946CF7-3FE0-4FB9-BDA6-512DCA11E7AD}" srcId="{C659F64D-6CF4-4F82-AFB5-0F3643769853}" destId="{564385BD-6B6A-4DC8-8868-29C7802AC9B1}" srcOrd="1" destOrd="0" parTransId="{F9F02937-CE69-4DE0-A15D-744C4133EEFC}" sibTransId="{8B7F445E-4F82-4727-85EF-E27A7791F1E6}"/>
    <dgm:cxn modelId="{1FE071FE-7A6C-48A3-A1AC-928204FA44F4}" type="presOf" srcId="{4702E3F9-D370-4089-99A1-7B5EC7FBFAA1}" destId="{8CBE2CDB-1A8A-4C42-A842-F7CF97391940}" srcOrd="0" destOrd="0" presId="urn:microsoft.com/office/officeart/2005/8/layout/vList5"/>
    <dgm:cxn modelId="{52255BC5-69FA-4E85-B2E8-EC7F6974A97D}" type="presParOf" srcId="{61B53EF9-4D7D-4B75-BF42-484AFC10312A}" destId="{C0EC9985-F601-41D9-A4E5-FE35CBA66562}" srcOrd="0" destOrd="0" presId="urn:microsoft.com/office/officeart/2005/8/layout/vList5"/>
    <dgm:cxn modelId="{826EDFDD-64E0-4881-99A2-A852DFC30FCB}" type="presParOf" srcId="{C0EC9985-F601-41D9-A4E5-FE35CBA66562}" destId="{6FA1F704-9804-4042-A55D-43539626AE14}" srcOrd="0" destOrd="0" presId="urn:microsoft.com/office/officeart/2005/8/layout/vList5"/>
    <dgm:cxn modelId="{A0ABE7B6-5926-4B43-AA25-F506C188DB30}" type="presParOf" srcId="{C0EC9985-F601-41D9-A4E5-FE35CBA66562}" destId="{4B9CE54C-8E91-4FFC-A5FB-DC457C71DE1D}" srcOrd="1" destOrd="0" presId="urn:microsoft.com/office/officeart/2005/8/layout/vList5"/>
    <dgm:cxn modelId="{CA117689-06AC-455D-BD48-8FEC6131CD23}" type="presParOf" srcId="{61B53EF9-4D7D-4B75-BF42-484AFC10312A}" destId="{FE67FF4B-4146-4ABD-9FAD-668776311134}" srcOrd="1" destOrd="0" presId="urn:microsoft.com/office/officeart/2005/8/layout/vList5"/>
    <dgm:cxn modelId="{9250F549-04F5-489E-9412-F18FEE57775B}" type="presParOf" srcId="{61B53EF9-4D7D-4B75-BF42-484AFC10312A}" destId="{9FFD5856-7220-4B72-8274-6B63FEFDA626}" srcOrd="2" destOrd="0" presId="urn:microsoft.com/office/officeart/2005/8/layout/vList5"/>
    <dgm:cxn modelId="{E7115F3D-DE9C-414F-B180-9464026FD902}" type="presParOf" srcId="{9FFD5856-7220-4B72-8274-6B63FEFDA626}" destId="{331D690B-3C86-4971-8D30-280730EBB5A7}" srcOrd="0" destOrd="0" presId="urn:microsoft.com/office/officeart/2005/8/layout/vList5"/>
    <dgm:cxn modelId="{7859B5CC-B02D-4134-A9C9-876D6FC71DE3}" type="presParOf" srcId="{9FFD5856-7220-4B72-8274-6B63FEFDA626}" destId="{8CBE2CDB-1A8A-4C42-A842-F7CF97391940}" srcOrd="1" destOrd="0" presId="urn:microsoft.com/office/officeart/2005/8/layout/vList5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C6310DC-8BDA-4F7A-BE66-A6AA69DC098D}">
      <dsp:nvSpPr>
        <dsp:cNvPr id="0" name=""/>
        <dsp:cNvSpPr/>
      </dsp:nvSpPr>
      <dsp:spPr>
        <a:xfrm>
          <a:off x="0" y="0"/>
          <a:ext cx="3629203" cy="10918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chemeClr val="tx2"/>
            </a:buClr>
            <a:buFont typeface="Wingdings" panose="05000000000000000000" pitchFamily="2" charset="2"/>
            <a:buNone/>
          </a:pPr>
          <a:r>
            <a:rPr lang="en-GB" sz="2200" b="0" kern="1200"/>
            <a:t>Introductions</a:t>
          </a:r>
          <a:endParaRPr lang="en-GB" sz="2200" kern="1200" dirty="0"/>
        </a:p>
      </dsp:txBody>
      <dsp:txXfrm>
        <a:off x="31979" y="31979"/>
        <a:ext cx="2358763" cy="1027880"/>
      </dsp:txXfrm>
    </dsp:sp>
    <dsp:sp modelId="{AD5F49FB-F170-489A-96BD-3CA6745C9144}">
      <dsp:nvSpPr>
        <dsp:cNvPr id="0" name=""/>
        <dsp:cNvSpPr/>
      </dsp:nvSpPr>
      <dsp:spPr>
        <a:xfrm>
          <a:off x="303945" y="1290354"/>
          <a:ext cx="3629203" cy="10918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b="0" kern="1200"/>
            <a:t>Background</a:t>
          </a:r>
          <a:endParaRPr lang="en-GB" sz="2200" b="0" kern="1200" dirty="0"/>
        </a:p>
      </dsp:txBody>
      <dsp:txXfrm>
        <a:off x="335924" y="1322333"/>
        <a:ext cx="2551604" cy="1027880"/>
      </dsp:txXfrm>
    </dsp:sp>
    <dsp:sp modelId="{D403A6FC-5210-4312-9DDC-5E927259C8C0}">
      <dsp:nvSpPr>
        <dsp:cNvPr id="0" name=""/>
        <dsp:cNvSpPr/>
      </dsp:nvSpPr>
      <dsp:spPr>
        <a:xfrm>
          <a:off x="603355" y="2580709"/>
          <a:ext cx="3629203" cy="10918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b="0" kern="1200"/>
            <a:t>Phase 1 – Legislation Review </a:t>
          </a:r>
          <a:endParaRPr lang="en-GB" sz="2200" b="0" kern="1200" dirty="0"/>
        </a:p>
      </dsp:txBody>
      <dsp:txXfrm>
        <a:off x="635334" y="2612688"/>
        <a:ext cx="2556140" cy="1027880"/>
      </dsp:txXfrm>
    </dsp:sp>
    <dsp:sp modelId="{65C9D845-ED01-4936-BB10-ADBB78846780}">
      <dsp:nvSpPr>
        <dsp:cNvPr id="0" name=""/>
        <dsp:cNvSpPr/>
      </dsp:nvSpPr>
      <dsp:spPr>
        <a:xfrm>
          <a:off x="907300" y="3871063"/>
          <a:ext cx="3629203" cy="1091838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b="0" kern="1200"/>
            <a:t>Phase 2 – Guidance for Operators</a:t>
          </a:r>
          <a:endParaRPr lang="en-GB" sz="2200" b="0" kern="1200" dirty="0"/>
        </a:p>
      </dsp:txBody>
      <dsp:txXfrm>
        <a:off x="939279" y="3903042"/>
        <a:ext cx="2551604" cy="1027880"/>
      </dsp:txXfrm>
    </dsp:sp>
    <dsp:sp modelId="{1EBABA58-885C-4B67-91F6-98D057AE262E}">
      <dsp:nvSpPr>
        <dsp:cNvPr id="0" name=""/>
        <dsp:cNvSpPr/>
      </dsp:nvSpPr>
      <dsp:spPr>
        <a:xfrm>
          <a:off x="2919508" y="836248"/>
          <a:ext cx="709694" cy="709694"/>
        </a:xfrm>
        <a:prstGeom prst="downArrow">
          <a:avLst>
            <a:gd name="adj1" fmla="val 55000"/>
            <a:gd name="adj2" fmla="val 45000"/>
          </a:avLst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1910" tIns="41910" rIns="41910" bIns="41910" numCol="1" spcCol="1270" anchor="ctr" anchorCtr="0">
          <a:noAutofit/>
        </a:bodyPr>
        <a:lstStyle/>
        <a:p>
          <a:pPr marL="0" lvl="0" indent="0" algn="ctr" defTabSz="1466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3300" kern="1200"/>
        </a:p>
      </dsp:txBody>
      <dsp:txXfrm>
        <a:off x="3079189" y="836248"/>
        <a:ext cx="390332" cy="534045"/>
      </dsp:txXfrm>
    </dsp:sp>
    <dsp:sp modelId="{2FECC9A8-BAAA-4AAB-9E4E-67801B7F8A31}">
      <dsp:nvSpPr>
        <dsp:cNvPr id="0" name=""/>
        <dsp:cNvSpPr/>
      </dsp:nvSpPr>
      <dsp:spPr>
        <a:xfrm>
          <a:off x="3223453" y="2126603"/>
          <a:ext cx="709694" cy="709694"/>
        </a:xfrm>
        <a:prstGeom prst="downArrow">
          <a:avLst>
            <a:gd name="adj1" fmla="val 55000"/>
            <a:gd name="adj2" fmla="val 45000"/>
          </a:avLst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1910" tIns="41910" rIns="41910" bIns="41910" numCol="1" spcCol="1270" anchor="ctr" anchorCtr="0">
          <a:noAutofit/>
        </a:bodyPr>
        <a:lstStyle/>
        <a:p>
          <a:pPr marL="0" lvl="0" indent="0" algn="ctr" defTabSz="1466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3300" kern="1200"/>
        </a:p>
      </dsp:txBody>
      <dsp:txXfrm>
        <a:off x="3383134" y="2126603"/>
        <a:ext cx="390332" cy="534045"/>
      </dsp:txXfrm>
    </dsp:sp>
    <dsp:sp modelId="{8A867125-3C81-4200-BEDC-F0BB4BAC0793}">
      <dsp:nvSpPr>
        <dsp:cNvPr id="0" name=""/>
        <dsp:cNvSpPr/>
      </dsp:nvSpPr>
      <dsp:spPr>
        <a:xfrm>
          <a:off x="3522863" y="3416958"/>
          <a:ext cx="709694" cy="709694"/>
        </a:xfrm>
        <a:prstGeom prst="downArrow">
          <a:avLst>
            <a:gd name="adj1" fmla="val 55000"/>
            <a:gd name="adj2" fmla="val 45000"/>
          </a:avLst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1910" tIns="41910" rIns="41910" bIns="41910" numCol="1" spcCol="1270" anchor="ctr" anchorCtr="0">
          <a:noAutofit/>
        </a:bodyPr>
        <a:lstStyle/>
        <a:p>
          <a:pPr marL="0" lvl="0" indent="0" algn="ctr" defTabSz="1466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3300" kern="1200"/>
        </a:p>
      </dsp:txBody>
      <dsp:txXfrm>
        <a:off x="3682544" y="3416958"/>
        <a:ext cx="390332" cy="534045"/>
      </dsp:txXfrm>
    </dsp:sp>
  </dsp:spTree>
</dsp:drawing>
</file>

<file path=ppt/diagrams/drawing10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F9DE204-15F9-4764-9A52-EA9AFC6E6AEC}">
      <dsp:nvSpPr>
        <dsp:cNvPr id="0" name=""/>
        <dsp:cNvSpPr/>
      </dsp:nvSpPr>
      <dsp:spPr>
        <a:xfrm>
          <a:off x="0" y="4111"/>
          <a:ext cx="4490296" cy="1384074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rgbClr val="F37021"/>
            </a:buClr>
            <a:buFont typeface="Arial" pitchFamily="34" charset="0"/>
            <a:buNone/>
          </a:pPr>
          <a:r>
            <a:rPr lang="en-GB" sz="1400" b="1" kern="1200" dirty="0">
              <a:solidFill>
                <a:schemeClr val="bg1"/>
              </a:solidFill>
              <a:latin typeface="Arial"/>
            </a:rPr>
            <a:t>Dolphyn Hydrogen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rgbClr val="F37021"/>
            </a:buClr>
            <a:buFont typeface="Arial" pitchFamily="34" charset="0"/>
            <a:buNone/>
          </a:pPr>
          <a:r>
            <a:rPr lang="en-GB" sz="1400" b="0" kern="1200" dirty="0">
              <a:solidFill>
                <a:schemeClr val="bg1"/>
              </a:solidFill>
              <a:latin typeface="Arial"/>
            </a:rPr>
            <a:t>‘Green’ hydrogen production 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rgbClr val="F37021"/>
            </a:buClr>
            <a:buFont typeface="Arial" pitchFamily="34" charset="0"/>
            <a:buNone/>
          </a:pPr>
          <a:r>
            <a:rPr lang="en-GB" sz="1400" b="0" kern="1200" dirty="0">
              <a:solidFill>
                <a:schemeClr val="bg1"/>
              </a:solidFill>
              <a:latin typeface="Arial"/>
            </a:rPr>
            <a:t>(Electrolysis of seawater using wind power)</a:t>
          </a:r>
          <a:endParaRPr lang="en-GB" sz="1400" b="0" kern="1200" dirty="0">
            <a:solidFill>
              <a:schemeClr val="bg1"/>
            </a:solidFill>
          </a:endParaRPr>
        </a:p>
      </dsp:txBody>
      <dsp:txXfrm>
        <a:off x="40538" y="44649"/>
        <a:ext cx="4409220" cy="1302998"/>
      </dsp:txXfrm>
    </dsp:sp>
    <dsp:sp modelId="{90EA7C8B-D058-40EB-9CBF-DC709AC5DFE9}">
      <dsp:nvSpPr>
        <dsp:cNvPr id="0" name=""/>
        <dsp:cNvSpPr/>
      </dsp:nvSpPr>
      <dsp:spPr>
        <a:xfrm rot="5400000">
          <a:off x="2051462" y="1414010"/>
          <a:ext cx="387371" cy="464846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2000" kern="1200"/>
        </a:p>
      </dsp:txBody>
      <dsp:txXfrm rot="-5400000">
        <a:off x="2105694" y="1452748"/>
        <a:ext cx="278908" cy="271160"/>
      </dsp:txXfrm>
    </dsp:sp>
    <dsp:sp modelId="{E2509785-F39E-4948-B1D1-46CF873679E6}">
      <dsp:nvSpPr>
        <dsp:cNvPr id="0" name=""/>
        <dsp:cNvSpPr/>
      </dsp:nvSpPr>
      <dsp:spPr>
        <a:xfrm>
          <a:off x="0" y="1904681"/>
          <a:ext cx="4490296" cy="1032991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rgbClr val="F37021"/>
            </a:buClr>
            <a:buFont typeface="Arial" pitchFamily="34" charset="0"/>
            <a:buNone/>
          </a:pPr>
          <a:r>
            <a:rPr lang="en-GB" sz="1400" b="1" kern="1200" dirty="0">
              <a:solidFill>
                <a:schemeClr val="bg1"/>
              </a:solidFill>
              <a:latin typeface="Arial"/>
            </a:rPr>
            <a:t>Subsea Pipeline</a:t>
          </a:r>
        </a:p>
      </dsp:txBody>
      <dsp:txXfrm>
        <a:off x="30255" y="1934936"/>
        <a:ext cx="4429786" cy="972481"/>
      </dsp:txXfrm>
    </dsp:sp>
    <dsp:sp modelId="{6BCE57F2-8467-459A-AF86-5D49318CE177}">
      <dsp:nvSpPr>
        <dsp:cNvPr id="0" name=""/>
        <dsp:cNvSpPr/>
      </dsp:nvSpPr>
      <dsp:spPr>
        <a:xfrm rot="5400000">
          <a:off x="2051462" y="2963497"/>
          <a:ext cx="387371" cy="464846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2000" kern="1200"/>
        </a:p>
      </dsp:txBody>
      <dsp:txXfrm rot="-5400000">
        <a:off x="2105694" y="3002235"/>
        <a:ext cx="278908" cy="271160"/>
      </dsp:txXfrm>
    </dsp:sp>
    <dsp:sp modelId="{83DE8D8F-3D27-4A83-8662-00EC3CDEE26B}">
      <dsp:nvSpPr>
        <dsp:cNvPr id="0" name=""/>
        <dsp:cNvSpPr/>
      </dsp:nvSpPr>
      <dsp:spPr>
        <a:xfrm>
          <a:off x="0" y="3454168"/>
          <a:ext cx="4490296" cy="1032991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rgbClr val="F37021"/>
            </a:buClr>
            <a:buFont typeface="Arial" pitchFamily="34" charset="0"/>
            <a:buNone/>
          </a:pPr>
          <a:r>
            <a:rPr lang="en-GB" sz="1400" b="1" kern="1200" dirty="0">
              <a:solidFill>
                <a:schemeClr val="bg1"/>
              </a:solidFill>
              <a:latin typeface="Arial"/>
            </a:rPr>
            <a:t>Onshore Facilities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rgbClr val="F37021"/>
            </a:buClr>
            <a:buFont typeface="Arial" pitchFamily="34" charset="0"/>
            <a:buNone/>
          </a:pPr>
          <a:r>
            <a:rPr lang="en-GB" sz="1400" b="0" kern="1200" dirty="0">
              <a:solidFill>
                <a:schemeClr val="bg1"/>
              </a:solidFill>
              <a:latin typeface="Arial"/>
            </a:rPr>
            <a:t>Storage, Compression &amp; Metering</a:t>
          </a:r>
        </a:p>
      </dsp:txBody>
      <dsp:txXfrm>
        <a:off x="30255" y="3484423"/>
        <a:ext cx="4429786" cy="972481"/>
      </dsp:txXfrm>
    </dsp:sp>
  </dsp:spTree>
</dsp:drawing>
</file>

<file path=ppt/diagrams/drawing1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C151CAB3-E96F-4EA8-91D0-E59E40F9AC02}">
      <dsp:nvSpPr>
        <dsp:cNvPr id="0" name=""/>
        <dsp:cNvSpPr/>
      </dsp:nvSpPr>
      <dsp:spPr>
        <a:xfrm rot="5400000">
          <a:off x="3828016" y="-1089643"/>
          <a:ext cx="1826296" cy="4462273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47650" tIns="123825" rIns="247650" bIns="123825" numCol="1" spcCol="1270" anchor="ctr" anchorCtr="0">
          <a:noAutofit/>
        </a:bodyPr>
        <a:lstStyle/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600" kern="1200" dirty="0"/>
            <a:t>Lack of regulatory framework for the offshore production of hydrogen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600" kern="1200" dirty="0"/>
            <a:t>Onshore facilities unlikely to exceed COMAH thresholds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600" kern="1200" dirty="0"/>
            <a:t>General H&amp;S legislation (HSWA)</a:t>
          </a:r>
          <a:endParaRPr lang="en-US" sz="1600" kern="1200" dirty="0"/>
        </a:p>
      </dsp:txBody>
      <dsp:txXfrm rot="-5400000">
        <a:off x="2510028" y="317497"/>
        <a:ext cx="4373121" cy="1647992"/>
      </dsp:txXfrm>
    </dsp:sp>
    <dsp:sp modelId="{926F13A4-FD60-4C45-A24F-FC7113033C8F}">
      <dsp:nvSpPr>
        <dsp:cNvPr id="0" name=""/>
        <dsp:cNvSpPr/>
      </dsp:nvSpPr>
      <dsp:spPr>
        <a:xfrm>
          <a:off x="0" y="57"/>
          <a:ext cx="2510028" cy="2282871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0" tIns="57150" rIns="114300" bIns="57150" numCol="1" spcCol="1270" anchor="ctr" anchorCtr="0">
          <a:noAutofit/>
        </a:bodyPr>
        <a:lstStyle/>
        <a:p>
          <a:pPr marL="0" lvl="0" indent="0" algn="ctr" defTabSz="1333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000" b="1" kern="1200"/>
            <a:t>Regulatory Framework</a:t>
          </a:r>
          <a:endParaRPr lang="en-US" sz="3000" kern="1200"/>
        </a:p>
      </dsp:txBody>
      <dsp:txXfrm>
        <a:off x="111441" y="111498"/>
        <a:ext cx="2287146" cy="2059989"/>
      </dsp:txXfrm>
    </dsp:sp>
    <dsp:sp modelId="{FA0CB2DF-12E5-4842-B3CD-7E5B0F547346}">
      <dsp:nvSpPr>
        <dsp:cNvPr id="0" name=""/>
        <dsp:cNvSpPr/>
      </dsp:nvSpPr>
      <dsp:spPr>
        <a:xfrm rot="5400000">
          <a:off x="3828016" y="1307370"/>
          <a:ext cx="1826296" cy="4462273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47650" tIns="123825" rIns="247650" bIns="123825" numCol="1" spcCol="1270" anchor="ctr" anchorCtr="0">
          <a:noAutofit/>
        </a:bodyPr>
        <a:lstStyle/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600" kern="1200" dirty="0"/>
            <a:t>Not covered by safety case regulations, but broad adherence is being undertaken as representative of good practice.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600" kern="1200" dirty="0"/>
            <a:t>Design notification / safety case</a:t>
          </a:r>
          <a:endParaRPr lang="en-US" sz="1600" kern="1200" dirty="0"/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600" kern="1200" dirty="0"/>
            <a:t>Requirements to ensure identification and assessment of all potential hazards, consequences and adequacy of controls (ALARP)</a:t>
          </a:r>
          <a:endParaRPr lang="en-US" sz="1600" kern="1200" dirty="0"/>
        </a:p>
      </dsp:txBody>
      <dsp:txXfrm rot="-5400000">
        <a:off x="2510028" y="2714510"/>
        <a:ext cx="4373121" cy="1647992"/>
      </dsp:txXfrm>
    </dsp:sp>
    <dsp:sp modelId="{C387901E-94B2-4B02-9A70-D7C649300265}">
      <dsp:nvSpPr>
        <dsp:cNvPr id="0" name=""/>
        <dsp:cNvSpPr/>
      </dsp:nvSpPr>
      <dsp:spPr>
        <a:xfrm>
          <a:off x="0" y="2397071"/>
          <a:ext cx="2510028" cy="2282871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0" tIns="57150" rIns="114300" bIns="57150" numCol="1" spcCol="1270" anchor="ctr" anchorCtr="0">
          <a:noAutofit/>
        </a:bodyPr>
        <a:lstStyle/>
        <a:p>
          <a:pPr marL="0" lvl="0" indent="0" algn="ctr" defTabSz="1333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000" b="1" kern="1200"/>
            <a:t>Key Findings</a:t>
          </a:r>
          <a:endParaRPr lang="en-US" sz="3000" kern="1200"/>
        </a:p>
      </dsp:txBody>
      <dsp:txXfrm>
        <a:off x="111441" y="2508512"/>
        <a:ext cx="2287146" cy="2059989"/>
      </dsp:txXfrm>
    </dsp:sp>
  </dsp:spTree>
</dsp:drawing>
</file>

<file path=ppt/diagrams/drawing1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3F4A26D-07C0-4D1A-A7FA-A003E9168350}">
      <dsp:nvSpPr>
        <dsp:cNvPr id="0" name=""/>
        <dsp:cNvSpPr/>
      </dsp:nvSpPr>
      <dsp:spPr>
        <a:xfrm>
          <a:off x="2934397" y="2456048"/>
          <a:ext cx="2076107" cy="360316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180158"/>
              </a:lnTo>
              <a:lnTo>
                <a:pt x="2076107" y="180158"/>
              </a:lnTo>
              <a:lnTo>
                <a:pt x="2076107" y="360316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3D138B29-B42D-432E-9D38-0A6EDE780219}">
      <dsp:nvSpPr>
        <dsp:cNvPr id="0" name=""/>
        <dsp:cNvSpPr/>
      </dsp:nvSpPr>
      <dsp:spPr>
        <a:xfrm>
          <a:off x="2888677" y="2456048"/>
          <a:ext cx="91440" cy="360316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360316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4ACFA34D-D4BB-4C27-AD1A-437DF4CCEAF0}">
      <dsp:nvSpPr>
        <dsp:cNvPr id="0" name=""/>
        <dsp:cNvSpPr/>
      </dsp:nvSpPr>
      <dsp:spPr>
        <a:xfrm>
          <a:off x="858289" y="2456048"/>
          <a:ext cx="2076107" cy="360316"/>
        </a:xfrm>
        <a:custGeom>
          <a:avLst/>
          <a:gdLst/>
          <a:ahLst/>
          <a:cxnLst/>
          <a:rect l="0" t="0" r="0" b="0"/>
          <a:pathLst>
            <a:path>
              <a:moveTo>
                <a:pt x="2076107" y="0"/>
              </a:moveTo>
              <a:lnTo>
                <a:pt x="2076107" y="180158"/>
              </a:lnTo>
              <a:lnTo>
                <a:pt x="0" y="180158"/>
              </a:lnTo>
              <a:lnTo>
                <a:pt x="0" y="360316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4A82C6B8-3B03-4AD0-B1C6-DF494A3F83E7}">
      <dsp:nvSpPr>
        <dsp:cNvPr id="0" name=""/>
        <dsp:cNvSpPr/>
      </dsp:nvSpPr>
      <dsp:spPr>
        <a:xfrm>
          <a:off x="2888677" y="1237836"/>
          <a:ext cx="91440" cy="360316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360316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1D13DF4-B280-4AC3-BBC1-DE50D47E4387}">
      <dsp:nvSpPr>
        <dsp:cNvPr id="0" name=""/>
        <dsp:cNvSpPr/>
      </dsp:nvSpPr>
      <dsp:spPr>
        <a:xfrm>
          <a:off x="2076501" y="379941"/>
          <a:ext cx="1715791" cy="857895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890" tIns="8890" rIns="8890" bIns="889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kern="1200" dirty="0"/>
            <a:t>Hydrogen Production Facility</a:t>
          </a:r>
        </a:p>
      </dsp:txBody>
      <dsp:txXfrm>
        <a:off x="2076501" y="379941"/>
        <a:ext cx="1715791" cy="857895"/>
      </dsp:txXfrm>
    </dsp:sp>
    <dsp:sp modelId="{94F53398-C525-4D3B-BE15-3035109B7DBD}">
      <dsp:nvSpPr>
        <dsp:cNvPr id="0" name=""/>
        <dsp:cNvSpPr/>
      </dsp:nvSpPr>
      <dsp:spPr>
        <a:xfrm>
          <a:off x="2076501" y="1598153"/>
          <a:ext cx="1715791" cy="857895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890" tIns="8890" rIns="8890" bIns="889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kern="1200" dirty="0"/>
            <a:t>HP Transmission Pipeline</a:t>
          </a:r>
        </a:p>
      </dsp:txBody>
      <dsp:txXfrm>
        <a:off x="2076501" y="1598153"/>
        <a:ext cx="1715791" cy="857895"/>
      </dsp:txXfrm>
    </dsp:sp>
    <dsp:sp modelId="{8A34AEF0-5BC3-42B2-A8B9-51860F43E336}">
      <dsp:nvSpPr>
        <dsp:cNvPr id="0" name=""/>
        <dsp:cNvSpPr/>
      </dsp:nvSpPr>
      <dsp:spPr>
        <a:xfrm>
          <a:off x="394" y="2816365"/>
          <a:ext cx="1715791" cy="857895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890" tIns="8890" rIns="8890" bIns="889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kern="1200" dirty="0"/>
            <a:t>Offtake to Storage Site</a:t>
          </a:r>
        </a:p>
      </dsp:txBody>
      <dsp:txXfrm>
        <a:off x="394" y="2816365"/>
        <a:ext cx="1715791" cy="857895"/>
      </dsp:txXfrm>
    </dsp:sp>
    <dsp:sp modelId="{F7D216CB-8EA0-4445-8B4C-7CE5BD7A18C2}">
      <dsp:nvSpPr>
        <dsp:cNvPr id="0" name=""/>
        <dsp:cNvSpPr/>
      </dsp:nvSpPr>
      <dsp:spPr>
        <a:xfrm>
          <a:off x="2076501" y="2816365"/>
          <a:ext cx="1715791" cy="857895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890" tIns="8890" rIns="8890" bIns="889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kern="1200" dirty="0"/>
            <a:t>Offtake to LP Distribution Network</a:t>
          </a:r>
        </a:p>
      </dsp:txBody>
      <dsp:txXfrm>
        <a:off x="2076501" y="2816365"/>
        <a:ext cx="1715791" cy="857895"/>
      </dsp:txXfrm>
    </dsp:sp>
    <dsp:sp modelId="{D7762668-AC72-409F-9D38-7BA44BEE3DD3}">
      <dsp:nvSpPr>
        <dsp:cNvPr id="0" name=""/>
        <dsp:cNvSpPr/>
      </dsp:nvSpPr>
      <dsp:spPr>
        <a:xfrm>
          <a:off x="4152609" y="2816365"/>
          <a:ext cx="1715791" cy="857895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890" tIns="8890" rIns="8890" bIns="889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kern="1200" dirty="0"/>
            <a:t>Offtake to Industrial Users</a:t>
          </a:r>
        </a:p>
      </dsp:txBody>
      <dsp:txXfrm>
        <a:off x="4152609" y="2816365"/>
        <a:ext cx="1715791" cy="857895"/>
      </dsp:txXfrm>
    </dsp:sp>
  </dsp:spTree>
</dsp:drawing>
</file>

<file path=ppt/diagrams/drawing1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379A26AC-7A00-4D7A-967C-835F1098386C}">
      <dsp:nvSpPr>
        <dsp:cNvPr id="0" name=""/>
        <dsp:cNvSpPr/>
      </dsp:nvSpPr>
      <dsp:spPr>
        <a:xfrm rot="5400000">
          <a:off x="2323923" y="-488360"/>
          <a:ext cx="1552970" cy="2918032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3340" tIns="26670" rIns="53340" bIns="26670" numCol="1" spcCol="1270" anchor="ctr" anchorCtr="0">
          <a:noAutofit/>
        </a:bodyPr>
        <a:lstStyle/>
        <a:p>
          <a:pPr marL="114300" lvl="1" indent="-114300" algn="l" defTabSz="6223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400" kern="1200" baseline="0"/>
            <a:t>Blended hydrogen networks (less than 50%) can apply for an exemption under the GS(M)R</a:t>
          </a:r>
          <a:endParaRPr lang="en-GB" sz="1400" kern="1200"/>
        </a:p>
      </dsp:txBody>
      <dsp:txXfrm rot="-5400000">
        <a:off x="1641392" y="269981"/>
        <a:ext cx="2842222" cy="1401350"/>
      </dsp:txXfrm>
    </dsp:sp>
    <dsp:sp modelId="{1F77EF2B-9D18-4A3B-85CE-A30D12BE5C7A}">
      <dsp:nvSpPr>
        <dsp:cNvPr id="0" name=""/>
        <dsp:cNvSpPr/>
      </dsp:nvSpPr>
      <dsp:spPr>
        <a:xfrm>
          <a:off x="0" y="48"/>
          <a:ext cx="1641393" cy="1941213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36195" rIns="72390" bIns="36195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b="1" kern="1200" baseline="0"/>
            <a:t>Regulatory Framework</a:t>
          </a:r>
          <a:endParaRPr lang="en-GB" sz="1900" kern="1200"/>
        </a:p>
      </dsp:txBody>
      <dsp:txXfrm>
        <a:off x="80126" y="80174"/>
        <a:ext cx="1481141" cy="1780961"/>
      </dsp:txXfrm>
    </dsp:sp>
    <dsp:sp modelId="{9399174B-1003-4953-B0C5-6256BCCE66C4}">
      <dsp:nvSpPr>
        <dsp:cNvPr id="0" name=""/>
        <dsp:cNvSpPr/>
      </dsp:nvSpPr>
      <dsp:spPr>
        <a:xfrm rot="5400000">
          <a:off x="2323923" y="1549913"/>
          <a:ext cx="1552970" cy="2918032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53340" tIns="26670" rIns="53340" bIns="26670" numCol="1" spcCol="1270" anchor="ctr" anchorCtr="0">
          <a:noAutofit/>
        </a:bodyPr>
        <a:lstStyle/>
        <a:p>
          <a:pPr marL="114300" lvl="1" indent="-114300" algn="l" defTabSz="6223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400" kern="1200" baseline="0"/>
            <a:t>GS(M)R exemption for time-bound trials not an efficient means of wider roll out of hydrogen blending</a:t>
          </a:r>
          <a:endParaRPr lang="en-GB" sz="1400" kern="1200"/>
        </a:p>
        <a:p>
          <a:pPr marL="114300" lvl="1" indent="-114300" algn="l" defTabSz="6223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400" kern="1200" baseline="0"/>
            <a:t>GS(M)R does not cover 100% and majority hydrogen gas networks</a:t>
          </a:r>
          <a:endParaRPr lang="en-GB" sz="1400" kern="1200"/>
        </a:p>
      </dsp:txBody>
      <dsp:txXfrm rot="-5400000">
        <a:off x="1641392" y="2308254"/>
        <a:ext cx="2842222" cy="1401350"/>
      </dsp:txXfrm>
    </dsp:sp>
    <dsp:sp modelId="{1394A76D-7CF1-4529-9795-393EF28ECA0A}">
      <dsp:nvSpPr>
        <dsp:cNvPr id="0" name=""/>
        <dsp:cNvSpPr/>
      </dsp:nvSpPr>
      <dsp:spPr>
        <a:xfrm>
          <a:off x="0" y="2038322"/>
          <a:ext cx="1641393" cy="1941213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36195" rIns="72390" bIns="36195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b="1" kern="1200" baseline="0"/>
            <a:t>Key Findings</a:t>
          </a:r>
          <a:endParaRPr lang="en-GB" sz="1900" kern="1200"/>
        </a:p>
      </dsp:txBody>
      <dsp:txXfrm>
        <a:off x="80126" y="2118448"/>
        <a:ext cx="1481141" cy="1780961"/>
      </dsp:txXfrm>
    </dsp:sp>
  </dsp:spTree>
</dsp:drawing>
</file>

<file path=ppt/diagrams/drawing1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8117C2F-AE8A-4610-9F20-C55F41D7C591}">
      <dsp:nvSpPr>
        <dsp:cNvPr id="0" name=""/>
        <dsp:cNvSpPr/>
      </dsp:nvSpPr>
      <dsp:spPr>
        <a:xfrm rot="5400000">
          <a:off x="2323923" y="-488360"/>
          <a:ext cx="1552970" cy="2918032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24765" rIns="49530" bIns="24765" numCol="1" spcCol="1270" anchor="ctr" anchorCtr="0">
          <a:noAutofit/>
        </a:bodyPr>
        <a:lstStyle/>
        <a:p>
          <a:pPr marL="114300" lvl="1" indent="-114300" algn="l" defTabSz="5778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300" kern="1200" baseline="0"/>
            <a:t>DSEAR and PSSR</a:t>
          </a:r>
          <a:endParaRPr lang="en-GB" sz="1300" kern="1200"/>
        </a:p>
        <a:p>
          <a:pPr marL="114300" lvl="1" indent="-114300" algn="l" defTabSz="5778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300" kern="1200" baseline="0"/>
            <a:t>Below threshold for COMAH and Hazardous Substances Planning</a:t>
          </a:r>
          <a:endParaRPr lang="en-GB" sz="1300" kern="1200"/>
        </a:p>
        <a:p>
          <a:pPr marL="114300" lvl="1" indent="-114300" algn="l" defTabSz="5778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300" kern="1200" baseline="0"/>
            <a:t>“A1:low impact permit” for certain types of hydrogen production via electrolysis e.g. Octopus Energy/ HORIBA</a:t>
          </a:r>
          <a:endParaRPr lang="en-GB" sz="1300" kern="1200"/>
        </a:p>
      </dsp:txBody>
      <dsp:txXfrm rot="-5400000">
        <a:off x="1641392" y="269981"/>
        <a:ext cx="2842222" cy="1401350"/>
      </dsp:txXfrm>
    </dsp:sp>
    <dsp:sp modelId="{A496A466-A949-41B4-9403-1F69EA6F03DF}">
      <dsp:nvSpPr>
        <dsp:cNvPr id="0" name=""/>
        <dsp:cNvSpPr/>
      </dsp:nvSpPr>
      <dsp:spPr>
        <a:xfrm>
          <a:off x="0" y="48"/>
          <a:ext cx="1641393" cy="1941213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36195" rIns="72390" bIns="36195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b="1" kern="1200" baseline="0"/>
            <a:t>Regulatory Framework</a:t>
          </a:r>
          <a:endParaRPr lang="en-GB" sz="1900" kern="1200"/>
        </a:p>
      </dsp:txBody>
      <dsp:txXfrm>
        <a:off x="80126" y="80174"/>
        <a:ext cx="1481141" cy="1780961"/>
      </dsp:txXfrm>
    </dsp:sp>
    <dsp:sp modelId="{341648F1-AE18-44BF-8265-C311B42C6C37}">
      <dsp:nvSpPr>
        <dsp:cNvPr id="0" name=""/>
        <dsp:cNvSpPr/>
      </dsp:nvSpPr>
      <dsp:spPr>
        <a:xfrm rot="5400000">
          <a:off x="2323923" y="1549913"/>
          <a:ext cx="1552970" cy="2918032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24765" rIns="49530" bIns="24765" numCol="1" spcCol="1270" anchor="ctr" anchorCtr="0">
          <a:noAutofit/>
        </a:bodyPr>
        <a:lstStyle/>
        <a:p>
          <a:pPr marL="114300" lvl="1" indent="-114300" algn="l" defTabSz="5778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300" kern="1200" baseline="0"/>
            <a:t>Transposition of the EU to UK regs is incomplete</a:t>
          </a:r>
          <a:endParaRPr lang="en-GB" sz="1300" kern="1200"/>
        </a:p>
        <a:p>
          <a:pPr marL="114300" lvl="1" indent="-114300" algn="l" defTabSz="5778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300" kern="1200" baseline="0"/>
            <a:t>Limited availability of some components</a:t>
          </a:r>
          <a:endParaRPr lang="en-GB" sz="1300" kern="1200"/>
        </a:p>
        <a:p>
          <a:pPr marL="114300" lvl="1" indent="-114300" algn="l" defTabSz="5778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300" kern="1200" baseline="0"/>
            <a:t>UK test facilities not ready</a:t>
          </a:r>
          <a:endParaRPr lang="en-GB" sz="1300" kern="1200"/>
        </a:p>
        <a:p>
          <a:pPr marL="114300" lvl="1" indent="-114300" algn="l" defTabSz="5778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US" sz="1300" kern="1200" baseline="0"/>
            <a:t>UK MOT does not currently cover hydrogen</a:t>
          </a:r>
          <a:endParaRPr lang="en-GB" sz="1300" kern="1200"/>
        </a:p>
      </dsp:txBody>
      <dsp:txXfrm rot="-5400000">
        <a:off x="1641392" y="2308254"/>
        <a:ext cx="2842222" cy="1401350"/>
      </dsp:txXfrm>
    </dsp:sp>
    <dsp:sp modelId="{F4B1DF11-64A1-4451-81C1-340CC109102B}">
      <dsp:nvSpPr>
        <dsp:cNvPr id="0" name=""/>
        <dsp:cNvSpPr/>
      </dsp:nvSpPr>
      <dsp:spPr>
        <a:xfrm>
          <a:off x="0" y="2038322"/>
          <a:ext cx="1641393" cy="1941213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36195" rIns="72390" bIns="36195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b="1" kern="1200" baseline="0"/>
            <a:t>Key Findings</a:t>
          </a:r>
          <a:endParaRPr lang="en-GB" sz="1900" kern="1200"/>
        </a:p>
      </dsp:txBody>
      <dsp:txXfrm>
        <a:off x="80126" y="2118448"/>
        <a:ext cx="1481141" cy="1780961"/>
      </dsp:txXfrm>
    </dsp:sp>
  </dsp:spTree>
</dsp:drawing>
</file>

<file path=ppt/diagrams/drawing1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C18502F-5C9D-42E1-AFF7-974CC40ECC25}">
      <dsp:nvSpPr>
        <dsp:cNvPr id="0" name=""/>
        <dsp:cNvSpPr/>
      </dsp:nvSpPr>
      <dsp:spPr>
        <a:xfrm>
          <a:off x="0" y="6236"/>
          <a:ext cx="10924232" cy="69264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b="1" i="0" kern="1200" dirty="0"/>
            <a:t>Generally well developed  from a hydrogen perspective</a:t>
          </a:r>
        </a:p>
      </dsp:txBody>
      <dsp:txXfrm>
        <a:off x="33812" y="40048"/>
        <a:ext cx="10856608" cy="625016"/>
      </dsp:txXfrm>
    </dsp:sp>
    <dsp:sp modelId="{E40EA60C-9E74-49FC-B277-C7CBD965AAFD}">
      <dsp:nvSpPr>
        <dsp:cNvPr id="0" name=""/>
        <dsp:cNvSpPr/>
      </dsp:nvSpPr>
      <dsp:spPr>
        <a:xfrm>
          <a:off x="0" y="805437"/>
          <a:ext cx="10924232" cy="69264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b="1" i="0" kern="1200"/>
            <a:t>Relatively </a:t>
          </a:r>
          <a:r>
            <a:rPr lang="en-GB" sz="1800" b="1" i="0" kern="1200" dirty="0"/>
            <a:t>few blockers to project development</a:t>
          </a:r>
        </a:p>
      </dsp:txBody>
      <dsp:txXfrm>
        <a:off x="33812" y="839249"/>
        <a:ext cx="10856608" cy="625016"/>
      </dsp:txXfrm>
    </dsp:sp>
    <dsp:sp modelId="{6ADBD5F0-F432-467F-82CA-17909593EAA5}">
      <dsp:nvSpPr>
        <dsp:cNvPr id="0" name=""/>
        <dsp:cNvSpPr/>
      </dsp:nvSpPr>
      <dsp:spPr>
        <a:xfrm>
          <a:off x="0" y="1604637"/>
          <a:ext cx="10924232" cy="69264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b="1" i="0" kern="1200" dirty="0"/>
            <a:t>Hydrogen often regulated under existing legislation, same as other hazardous fluids</a:t>
          </a:r>
        </a:p>
      </dsp:txBody>
      <dsp:txXfrm>
        <a:off x="33812" y="1638449"/>
        <a:ext cx="10856608" cy="625016"/>
      </dsp:txXfrm>
    </dsp:sp>
    <dsp:sp modelId="{5A59DB33-4B9A-4115-8107-43E88C752FC9}">
      <dsp:nvSpPr>
        <dsp:cNvPr id="0" name=""/>
        <dsp:cNvSpPr/>
      </dsp:nvSpPr>
      <dsp:spPr>
        <a:xfrm>
          <a:off x="0" y="2403837"/>
          <a:ext cx="10924232" cy="69264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b="1" i="1" kern="1200" dirty="0">
              <a:solidFill>
                <a:schemeClr val="bg1"/>
              </a:solidFill>
            </a:rPr>
            <a:t>However, some key issues identified:</a:t>
          </a:r>
        </a:p>
      </dsp:txBody>
      <dsp:txXfrm>
        <a:off x="33812" y="2437649"/>
        <a:ext cx="10856608" cy="625016"/>
      </dsp:txXfrm>
    </dsp:sp>
  </dsp:spTree>
</dsp:drawing>
</file>

<file path=ppt/diagrams/drawing1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3CB290C-E0C9-4CCF-A354-3CBB6B70D3CD}">
      <dsp:nvSpPr>
        <dsp:cNvPr id="0" name=""/>
        <dsp:cNvSpPr/>
      </dsp:nvSpPr>
      <dsp:spPr>
        <a:xfrm>
          <a:off x="4416" y="296470"/>
          <a:ext cx="3529473" cy="980940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 dirty="0">
              <a:solidFill>
                <a:schemeClr val="tx1"/>
              </a:solidFill>
            </a:rPr>
            <a:t>Application of the OSC Regulations to hydrogen</a:t>
          </a:r>
        </a:p>
      </dsp:txBody>
      <dsp:txXfrm>
        <a:off x="4416" y="296470"/>
        <a:ext cx="3529473" cy="980940"/>
      </dsp:txXfrm>
    </dsp:sp>
    <dsp:sp modelId="{0F0C51E8-9F2B-49B9-B450-0152D446495C}">
      <dsp:nvSpPr>
        <dsp:cNvPr id="0" name=""/>
        <dsp:cNvSpPr/>
      </dsp:nvSpPr>
      <dsp:spPr>
        <a:xfrm>
          <a:off x="3697379" y="296470"/>
          <a:ext cx="3529473" cy="980940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 dirty="0">
              <a:solidFill>
                <a:schemeClr val="tx1"/>
              </a:solidFill>
            </a:rPr>
            <a:t>GSMR Regulations require an exemption for blending (&gt;0.1%)</a:t>
          </a:r>
        </a:p>
      </dsp:txBody>
      <dsp:txXfrm>
        <a:off x="3697379" y="296470"/>
        <a:ext cx="3529473" cy="980940"/>
      </dsp:txXfrm>
    </dsp:sp>
    <dsp:sp modelId="{0F6EB8E9-DB48-47EC-AAFC-1768E09C0394}">
      <dsp:nvSpPr>
        <dsp:cNvPr id="0" name=""/>
        <dsp:cNvSpPr/>
      </dsp:nvSpPr>
      <dsp:spPr>
        <a:xfrm>
          <a:off x="7390342" y="296470"/>
          <a:ext cx="3529473" cy="980940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 dirty="0">
              <a:solidFill>
                <a:schemeClr val="tx1"/>
              </a:solidFill>
            </a:rPr>
            <a:t>GSMR Regulations only applicable when conveying “predominantly methane”</a:t>
          </a:r>
        </a:p>
      </dsp:txBody>
      <dsp:txXfrm>
        <a:off x="7390342" y="296470"/>
        <a:ext cx="3529473" cy="980940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E5248CE-5F74-4C93-BB21-8FE8A03C6E12}">
      <dsp:nvSpPr>
        <dsp:cNvPr id="0" name=""/>
        <dsp:cNvSpPr/>
      </dsp:nvSpPr>
      <dsp:spPr>
        <a:xfrm rot="10800000">
          <a:off x="1827420" y="167189"/>
          <a:ext cx="7561054" cy="1672404"/>
        </a:xfrm>
        <a:prstGeom prst="homePlat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58698" tIns="137160" rIns="256032" bIns="137160" numCol="1" spcCol="1270" anchor="ctr" anchorCtr="0">
          <a:noAutofit/>
        </a:bodyPr>
        <a:lstStyle/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600" kern="1200" dirty="0"/>
            <a:t>Sean Baker</a:t>
          </a:r>
          <a:r>
            <a:rPr lang="en-GB" sz="4000" kern="1200" dirty="0"/>
            <a:t> </a:t>
          </a:r>
        </a:p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800" kern="1200" dirty="0"/>
            <a:t>Principal Consultant, ERM London</a:t>
          </a:r>
        </a:p>
      </dsp:txBody>
      <dsp:txXfrm rot="10800000">
        <a:off x="2245521" y="167189"/>
        <a:ext cx="7142953" cy="1672404"/>
      </dsp:txXfrm>
    </dsp:sp>
    <dsp:sp modelId="{0705D1DA-B9C4-4018-8721-6E44508E079C}">
      <dsp:nvSpPr>
        <dsp:cNvPr id="0" name=""/>
        <dsp:cNvSpPr/>
      </dsp:nvSpPr>
      <dsp:spPr>
        <a:xfrm>
          <a:off x="756319" y="2527"/>
          <a:ext cx="1947283" cy="1947283"/>
        </a:xfrm>
        <a:prstGeom prst="ellipse">
          <a:avLst/>
        </a:prstGeom>
        <a:blipFill>
          <a:blip xmlns:r="http://schemas.openxmlformats.org/officeDocument/2006/relationships" r:embed="rId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9EB72CC-6142-4327-B3F4-FEA0A1EA1F38}">
      <dsp:nvSpPr>
        <dsp:cNvPr id="0" name=""/>
        <dsp:cNvSpPr/>
      </dsp:nvSpPr>
      <dsp:spPr>
        <a:xfrm rot="10800000">
          <a:off x="1661972" y="2531089"/>
          <a:ext cx="7726502" cy="1947283"/>
        </a:xfrm>
        <a:prstGeom prst="homePlat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58698" tIns="137160" rIns="256032" bIns="137160" numCol="1" spcCol="1270" anchor="ctr" anchorCtr="0">
          <a:noAutofit/>
        </a:bodyPr>
        <a:lstStyle/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600" kern="1200" dirty="0"/>
            <a:t>Nikhil Hardy</a:t>
          </a:r>
        </a:p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800" kern="1200" dirty="0"/>
            <a:t>Managing Consultant, ERM Bristol</a:t>
          </a:r>
        </a:p>
      </dsp:txBody>
      <dsp:txXfrm rot="10800000">
        <a:off x="2148793" y="2531089"/>
        <a:ext cx="7239681" cy="1947283"/>
      </dsp:txXfrm>
    </dsp:sp>
    <dsp:sp modelId="{C57169F9-0F41-4944-8A3D-480CDD26BC6F}">
      <dsp:nvSpPr>
        <dsp:cNvPr id="0" name=""/>
        <dsp:cNvSpPr/>
      </dsp:nvSpPr>
      <dsp:spPr>
        <a:xfrm>
          <a:off x="714956" y="2533616"/>
          <a:ext cx="1947283" cy="1947283"/>
        </a:xfrm>
        <a:prstGeom prst="ellipse">
          <a:avLst/>
        </a:prstGeom>
        <a:blipFill>
          <a:blip xmlns:r="http://schemas.openxmlformats.org/officeDocument/2006/relationships"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F9EE71E-C17A-42EA-B79B-8A84AE41B4FA}">
      <dsp:nvSpPr>
        <dsp:cNvPr id="0" name=""/>
        <dsp:cNvSpPr/>
      </dsp:nvSpPr>
      <dsp:spPr>
        <a:xfrm>
          <a:off x="-4955043" y="-778290"/>
          <a:ext cx="6050133" cy="6050133"/>
        </a:xfrm>
        <a:prstGeom prst="blockArc">
          <a:avLst>
            <a:gd name="adj1" fmla="val 18900000"/>
            <a:gd name="adj2" fmla="val 2700000"/>
            <a:gd name="adj3" fmla="val 357"/>
          </a:avLst>
        </a:pr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EF1A999-A4B4-4B68-A4E5-6A2A7684ECA1}">
      <dsp:nvSpPr>
        <dsp:cNvPr id="0" name=""/>
        <dsp:cNvSpPr/>
      </dsp:nvSpPr>
      <dsp:spPr>
        <a:xfrm>
          <a:off x="713665" y="204276"/>
          <a:ext cx="6678947" cy="408374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24147" tIns="55880" rIns="55880" bIns="5588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Safety Case</a:t>
          </a:r>
        </a:p>
      </dsp:txBody>
      <dsp:txXfrm>
        <a:off x="713665" y="204276"/>
        <a:ext cx="6678947" cy="408374"/>
      </dsp:txXfrm>
    </dsp:sp>
    <dsp:sp modelId="{642FE989-2D59-4BE6-80C5-7D63D00EF5EB}">
      <dsp:nvSpPr>
        <dsp:cNvPr id="0" name=""/>
        <dsp:cNvSpPr/>
      </dsp:nvSpPr>
      <dsp:spPr>
        <a:xfrm>
          <a:off x="183286" y="153230"/>
          <a:ext cx="510467" cy="510467"/>
        </a:xfrm>
        <a:prstGeom prst="ellipse">
          <a:avLst/>
        </a:prstGeom>
        <a:blipFill rotWithShape="0">
          <a:blip xmlns:r="http://schemas.openxmlformats.org/officeDocument/2006/relationships" r:embed="rId1">
            <a:extLs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9293CA3-4237-4427-9140-4278B7B459D0}">
      <dsp:nvSpPr>
        <dsp:cNvPr id="0" name=""/>
        <dsp:cNvSpPr/>
      </dsp:nvSpPr>
      <dsp:spPr>
        <a:xfrm>
          <a:off x="1054936" y="817197"/>
          <a:ext cx="6366225" cy="408374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24147" tIns="55880" rIns="55880" bIns="5588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Design and Asset Integrity</a:t>
          </a:r>
        </a:p>
      </dsp:txBody>
      <dsp:txXfrm>
        <a:off x="1054936" y="817197"/>
        <a:ext cx="6366225" cy="408374"/>
      </dsp:txXfrm>
    </dsp:sp>
    <dsp:sp modelId="{1ECA4439-826D-4BBD-A9F1-64EF20082366}">
      <dsp:nvSpPr>
        <dsp:cNvPr id="0" name=""/>
        <dsp:cNvSpPr/>
      </dsp:nvSpPr>
      <dsp:spPr>
        <a:xfrm>
          <a:off x="553106" y="766150"/>
          <a:ext cx="510467" cy="510467"/>
        </a:xfrm>
        <a:prstGeom prst="ellipse">
          <a:avLst/>
        </a:prstGeom>
        <a:blipFill rotWithShape="0">
          <a:blip xmlns:r="http://schemas.openxmlformats.org/officeDocument/2006/relationships"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E9156526-6445-42C9-95AC-F8AA794CF836}">
      <dsp:nvSpPr>
        <dsp:cNvPr id="0" name=""/>
        <dsp:cNvSpPr/>
      </dsp:nvSpPr>
      <dsp:spPr>
        <a:xfrm>
          <a:off x="1306759" y="1429668"/>
          <a:ext cx="6065239" cy="408374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24147" tIns="55880" rIns="55880" bIns="5588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Pipelines</a:t>
          </a:r>
        </a:p>
      </dsp:txBody>
      <dsp:txXfrm>
        <a:off x="1306759" y="1429668"/>
        <a:ext cx="6065239" cy="408374"/>
      </dsp:txXfrm>
    </dsp:sp>
    <dsp:sp modelId="{E8A5C15E-E412-4F8A-88EB-F0FFD06C02EB}">
      <dsp:nvSpPr>
        <dsp:cNvPr id="0" name=""/>
        <dsp:cNvSpPr/>
      </dsp:nvSpPr>
      <dsp:spPr>
        <a:xfrm>
          <a:off x="755765" y="1378621"/>
          <a:ext cx="510467" cy="510467"/>
        </a:xfrm>
        <a:prstGeom prst="ellipse">
          <a:avLst/>
        </a:prstGeom>
        <a:blipFill rotWithShape="0">
          <a:blip xmlns:r="http://schemas.openxmlformats.org/officeDocument/2006/relationships"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CF0FD799-9AB0-492E-91B4-8A8560898EC0}">
      <dsp:nvSpPr>
        <dsp:cNvPr id="0" name=""/>
        <dsp:cNvSpPr/>
      </dsp:nvSpPr>
      <dsp:spPr>
        <a:xfrm>
          <a:off x="1378644" y="2042588"/>
          <a:ext cx="5986176" cy="408374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24147" tIns="55880" rIns="55880" bIns="5588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Transportation</a:t>
          </a:r>
        </a:p>
      </dsp:txBody>
      <dsp:txXfrm>
        <a:off x="1378644" y="2042588"/>
        <a:ext cx="5986176" cy="408374"/>
      </dsp:txXfrm>
    </dsp:sp>
    <dsp:sp modelId="{29AE5E4A-E864-44AA-BD26-A453F27AD1A0}">
      <dsp:nvSpPr>
        <dsp:cNvPr id="0" name=""/>
        <dsp:cNvSpPr/>
      </dsp:nvSpPr>
      <dsp:spPr>
        <a:xfrm>
          <a:off x="820472" y="1991542"/>
          <a:ext cx="510467" cy="510467"/>
        </a:xfrm>
        <a:prstGeom prst="ellipse">
          <a:avLst/>
        </a:prstGeom>
        <a:blipFill rotWithShape="0">
          <a:blip xmlns:r="http://schemas.openxmlformats.org/officeDocument/2006/relationships"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B123217-25AD-4AD2-8944-A54EB3D6A9EE}">
      <dsp:nvSpPr>
        <dsp:cNvPr id="0" name=""/>
        <dsp:cNvSpPr/>
      </dsp:nvSpPr>
      <dsp:spPr>
        <a:xfrm>
          <a:off x="1293112" y="2655509"/>
          <a:ext cx="6092532" cy="408374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24147" tIns="55880" rIns="55880" bIns="5588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Gas Safety</a:t>
          </a:r>
        </a:p>
      </dsp:txBody>
      <dsp:txXfrm>
        <a:off x="1293112" y="2655509"/>
        <a:ext cx="6092532" cy="408374"/>
      </dsp:txXfrm>
    </dsp:sp>
    <dsp:sp modelId="{BD8A0BDF-CF65-4C33-82A7-D606CBA15850}">
      <dsp:nvSpPr>
        <dsp:cNvPr id="0" name=""/>
        <dsp:cNvSpPr/>
      </dsp:nvSpPr>
      <dsp:spPr>
        <a:xfrm>
          <a:off x="755765" y="2604462"/>
          <a:ext cx="510467" cy="510467"/>
        </a:xfrm>
        <a:prstGeom prst="ellipse">
          <a:avLst/>
        </a:prstGeom>
        <a:blipFill rotWithShape="0">
          <a:blip xmlns:r="http://schemas.openxmlformats.org/officeDocument/2006/relationships"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F2B48F9B-0717-4A97-A0AC-C550CE75F43E}">
      <dsp:nvSpPr>
        <dsp:cNvPr id="0" name=""/>
        <dsp:cNvSpPr/>
      </dsp:nvSpPr>
      <dsp:spPr>
        <a:xfrm>
          <a:off x="1106175" y="3267980"/>
          <a:ext cx="6263746" cy="408374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24147" tIns="55880" rIns="55880" bIns="5588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Emergency Response</a:t>
          </a:r>
        </a:p>
      </dsp:txBody>
      <dsp:txXfrm>
        <a:off x="1106175" y="3267980"/>
        <a:ext cx="6263746" cy="408374"/>
      </dsp:txXfrm>
    </dsp:sp>
    <dsp:sp modelId="{0FD892FA-5FA4-48B4-98B9-D364FD7C23E7}">
      <dsp:nvSpPr>
        <dsp:cNvPr id="0" name=""/>
        <dsp:cNvSpPr/>
      </dsp:nvSpPr>
      <dsp:spPr>
        <a:xfrm>
          <a:off x="553106" y="3216933"/>
          <a:ext cx="510467" cy="510467"/>
        </a:xfrm>
        <a:prstGeom prst="ellipse">
          <a:avLst/>
        </a:prstGeom>
        <a:blipFill rotWithShape="0">
          <a:blip xmlns:r="http://schemas.openxmlformats.org/officeDocument/2006/relationships" r:embed="rId11">
            <a:extLs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a:blip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E7DBDD1F-BFF3-4748-BA42-46877B11D837}">
      <dsp:nvSpPr>
        <dsp:cNvPr id="0" name=""/>
        <dsp:cNvSpPr/>
      </dsp:nvSpPr>
      <dsp:spPr>
        <a:xfrm>
          <a:off x="727148" y="3880901"/>
          <a:ext cx="6651982" cy="408374"/>
        </a:xfrm>
        <a:prstGeom prst="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24147" tIns="55880" rIns="55880" bIns="5588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Environmental Permitting</a:t>
          </a:r>
        </a:p>
      </dsp:txBody>
      <dsp:txXfrm>
        <a:off x="727148" y="3880901"/>
        <a:ext cx="6651982" cy="408374"/>
      </dsp:txXfrm>
    </dsp:sp>
    <dsp:sp modelId="{DDE0F0AC-B302-4228-B559-7963D0CFE755}">
      <dsp:nvSpPr>
        <dsp:cNvPr id="0" name=""/>
        <dsp:cNvSpPr/>
      </dsp:nvSpPr>
      <dsp:spPr>
        <a:xfrm>
          <a:off x="183286" y="3829854"/>
          <a:ext cx="510467" cy="510467"/>
        </a:xfrm>
        <a:prstGeom prst="ellipse">
          <a:avLst/>
        </a:prstGeom>
        <a:blipFill rotWithShape="0">
          <a:blip xmlns:r="http://schemas.openxmlformats.org/officeDocument/2006/relationships" r:embed="rId13">
            <a:extLs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a:blip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A274FD8-52CE-44AE-942F-90BFDB36F4EE}">
      <dsp:nvSpPr>
        <dsp:cNvPr id="0" name=""/>
        <dsp:cNvSpPr/>
      </dsp:nvSpPr>
      <dsp:spPr>
        <a:xfrm>
          <a:off x="2647" y="0"/>
          <a:ext cx="2598190" cy="4951616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/>
            <a:t>Onshore Production</a:t>
          </a:r>
        </a:p>
      </dsp:txBody>
      <dsp:txXfrm>
        <a:off x="2647" y="0"/>
        <a:ext cx="2598190" cy="1485484"/>
      </dsp:txXfrm>
    </dsp:sp>
    <dsp:sp modelId="{DFFC09EC-2DCA-482A-B868-583261711805}">
      <dsp:nvSpPr>
        <dsp:cNvPr id="0" name=""/>
        <dsp:cNvSpPr/>
      </dsp:nvSpPr>
      <dsp:spPr>
        <a:xfrm>
          <a:off x="262466" y="1486935"/>
          <a:ext cx="2078552" cy="1492979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5560" tIns="26670" rIns="35560" bIns="2667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 dirty="0"/>
            <a:t>New Build Sites</a:t>
          </a:r>
        </a:p>
      </dsp:txBody>
      <dsp:txXfrm>
        <a:off x="306194" y="1530663"/>
        <a:ext cx="1991096" cy="1405523"/>
      </dsp:txXfrm>
    </dsp:sp>
    <dsp:sp modelId="{9E5BDAF7-B3C5-46F1-BDE1-61267E73E0D7}">
      <dsp:nvSpPr>
        <dsp:cNvPr id="0" name=""/>
        <dsp:cNvSpPr/>
      </dsp:nvSpPr>
      <dsp:spPr>
        <a:xfrm>
          <a:off x="262466" y="3209604"/>
          <a:ext cx="2078552" cy="1492979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5560" tIns="26670" rIns="35560" bIns="2667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400" kern="1200" dirty="0"/>
            <a:t>Existing COMAH Sites</a:t>
          </a:r>
        </a:p>
      </dsp:txBody>
      <dsp:txXfrm>
        <a:off x="306194" y="3253332"/>
        <a:ext cx="1991096" cy="1405523"/>
      </dsp:txXfrm>
    </dsp:sp>
    <dsp:sp modelId="{0DCB58FC-99EA-4D60-8DD2-0C3634E4B879}">
      <dsp:nvSpPr>
        <dsp:cNvPr id="0" name=""/>
        <dsp:cNvSpPr/>
      </dsp:nvSpPr>
      <dsp:spPr>
        <a:xfrm>
          <a:off x="2795702" y="0"/>
          <a:ext cx="2598190" cy="4951616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/>
            <a:t>Offshore Production</a:t>
          </a:r>
        </a:p>
      </dsp:txBody>
      <dsp:txXfrm>
        <a:off x="2795702" y="0"/>
        <a:ext cx="2598190" cy="1485484"/>
      </dsp:txXfrm>
    </dsp:sp>
    <dsp:sp modelId="{286E62F3-33BB-4A76-872B-ABE5A3B9B486}">
      <dsp:nvSpPr>
        <dsp:cNvPr id="0" name=""/>
        <dsp:cNvSpPr/>
      </dsp:nvSpPr>
      <dsp:spPr>
        <a:xfrm>
          <a:off x="3055521" y="1486935"/>
          <a:ext cx="2078552" cy="1492979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Greenfield</a:t>
          </a:r>
        </a:p>
      </dsp:txBody>
      <dsp:txXfrm>
        <a:off x="3099249" y="1530663"/>
        <a:ext cx="1991096" cy="1405523"/>
      </dsp:txXfrm>
    </dsp:sp>
    <dsp:sp modelId="{2434DDA1-B30B-40ED-91B2-1B26BA90AB96}">
      <dsp:nvSpPr>
        <dsp:cNvPr id="0" name=""/>
        <dsp:cNvSpPr/>
      </dsp:nvSpPr>
      <dsp:spPr>
        <a:xfrm>
          <a:off x="3055521" y="3209604"/>
          <a:ext cx="2078552" cy="1492979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Brownfield</a:t>
          </a:r>
        </a:p>
      </dsp:txBody>
      <dsp:txXfrm>
        <a:off x="3099249" y="3253332"/>
        <a:ext cx="1991096" cy="1405523"/>
      </dsp:txXfrm>
    </dsp:sp>
    <dsp:sp modelId="{7185C12F-801F-4008-BD5F-C5B716CA1DB4}">
      <dsp:nvSpPr>
        <dsp:cNvPr id="0" name=""/>
        <dsp:cNvSpPr/>
      </dsp:nvSpPr>
      <dsp:spPr>
        <a:xfrm>
          <a:off x="5588756" y="0"/>
          <a:ext cx="2598190" cy="4951616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/>
            <a:t>Bulk Transport</a:t>
          </a:r>
        </a:p>
      </dsp:txBody>
      <dsp:txXfrm>
        <a:off x="5588756" y="0"/>
        <a:ext cx="2598190" cy="1485484"/>
      </dsp:txXfrm>
    </dsp:sp>
    <dsp:sp modelId="{19A6A3E8-E200-44E8-80CE-0546214A8014}">
      <dsp:nvSpPr>
        <dsp:cNvPr id="0" name=""/>
        <dsp:cNvSpPr/>
      </dsp:nvSpPr>
      <dsp:spPr>
        <a:xfrm>
          <a:off x="5848575" y="1486421"/>
          <a:ext cx="2078552" cy="57283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Offshore Pipelines</a:t>
          </a:r>
        </a:p>
      </dsp:txBody>
      <dsp:txXfrm>
        <a:off x="5865353" y="1503199"/>
        <a:ext cx="2044996" cy="539276"/>
      </dsp:txXfrm>
    </dsp:sp>
    <dsp:sp modelId="{349012CB-9997-4A13-A51C-22CF450117A8}">
      <dsp:nvSpPr>
        <dsp:cNvPr id="0" name=""/>
        <dsp:cNvSpPr/>
      </dsp:nvSpPr>
      <dsp:spPr>
        <a:xfrm>
          <a:off x="5848575" y="2147382"/>
          <a:ext cx="2078552" cy="57283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HP Onshore Pipelines</a:t>
          </a:r>
        </a:p>
      </dsp:txBody>
      <dsp:txXfrm>
        <a:off x="5865353" y="2164160"/>
        <a:ext cx="2044996" cy="539276"/>
      </dsp:txXfrm>
    </dsp:sp>
    <dsp:sp modelId="{00BE55B1-0CB4-47E3-8B5F-DAFCDCADCE44}">
      <dsp:nvSpPr>
        <dsp:cNvPr id="0" name=""/>
        <dsp:cNvSpPr/>
      </dsp:nvSpPr>
      <dsp:spPr>
        <a:xfrm>
          <a:off x="5848575" y="2808343"/>
          <a:ext cx="2078552" cy="57283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LP Distribution Pipelines</a:t>
          </a:r>
        </a:p>
      </dsp:txBody>
      <dsp:txXfrm>
        <a:off x="5865353" y="2825121"/>
        <a:ext cx="2044996" cy="539276"/>
      </dsp:txXfrm>
    </dsp:sp>
    <dsp:sp modelId="{5D65B90B-E79E-4815-B463-BFFBA5AD8A8D}">
      <dsp:nvSpPr>
        <dsp:cNvPr id="0" name=""/>
        <dsp:cNvSpPr/>
      </dsp:nvSpPr>
      <dsp:spPr>
        <a:xfrm>
          <a:off x="5848575" y="3469304"/>
          <a:ext cx="2078552" cy="57283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Bulk Road Transportation</a:t>
          </a:r>
        </a:p>
      </dsp:txBody>
      <dsp:txXfrm>
        <a:off x="5865353" y="3486082"/>
        <a:ext cx="2044996" cy="539276"/>
      </dsp:txXfrm>
    </dsp:sp>
    <dsp:sp modelId="{EBD83A6E-9C9A-4E28-99A6-83E56E3B0619}">
      <dsp:nvSpPr>
        <dsp:cNvPr id="0" name=""/>
        <dsp:cNvSpPr/>
      </dsp:nvSpPr>
      <dsp:spPr>
        <a:xfrm>
          <a:off x="5848575" y="4130265"/>
          <a:ext cx="2078552" cy="57283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LOHC, Ammonia, Liquid Hydrogen</a:t>
          </a:r>
        </a:p>
      </dsp:txBody>
      <dsp:txXfrm>
        <a:off x="5865353" y="4147043"/>
        <a:ext cx="2044996" cy="539276"/>
      </dsp:txXfrm>
    </dsp:sp>
    <dsp:sp modelId="{035777C6-256E-4DD5-BCC3-788AEE5F4B48}">
      <dsp:nvSpPr>
        <dsp:cNvPr id="0" name=""/>
        <dsp:cNvSpPr/>
      </dsp:nvSpPr>
      <dsp:spPr>
        <a:xfrm>
          <a:off x="8381811" y="0"/>
          <a:ext cx="2598190" cy="4951616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000" b="1" kern="1200" dirty="0"/>
            <a:t>Onshore Storage</a:t>
          </a:r>
        </a:p>
      </dsp:txBody>
      <dsp:txXfrm>
        <a:off x="8381811" y="0"/>
        <a:ext cx="2598190" cy="1485484"/>
      </dsp:txXfrm>
    </dsp:sp>
    <dsp:sp modelId="{E864A846-CBE9-4F54-892D-61E9556B0F2B}">
      <dsp:nvSpPr>
        <dsp:cNvPr id="0" name=""/>
        <dsp:cNvSpPr/>
      </dsp:nvSpPr>
      <dsp:spPr>
        <a:xfrm>
          <a:off x="8641630" y="1485907"/>
          <a:ext cx="2078552" cy="972794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Salt Cavern</a:t>
          </a:r>
        </a:p>
      </dsp:txBody>
      <dsp:txXfrm>
        <a:off x="8670122" y="1514399"/>
        <a:ext cx="2021568" cy="915810"/>
      </dsp:txXfrm>
    </dsp:sp>
    <dsp:sp modelId="{72F10D07-52B6-46EC-BF1F-C307DBFCFC7E}">
      <dsp:nvSpPr>
        <dsp:cNvPr id="0" name=""/>
        <dsp:cNvSpPr/>
      </dsp:nvSpPr>
      <dsp:spPr>
        <a:xfrm>
          <a:off x="8641630" y="2608362"/>
          <a:ext cx="2078552" cy="972794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LOHC, Ammonia, Liquid Hydrogen</a:t>
          </a:r>
        </a:p>
      </dsp:txBody>
      <dsp:txXfrm>
        <a:off x="8670122" y="2636854"/>
        <a:ext cx="2021568" cy="915810"/>
      </dsp:txXfrm>
    </dsp:sp>
    <dsp:sp modelId="{FBE27649-EA3D-4EBB-833F-8F38E0C896B3}">
      <dsp:nvSpPr>
        <dsp:cNvPr id="0" name=""/>
        <dsp:cNvSpPr/>
      </dsp:nvSpPr>
      <dsp:spPr>
        <a:xfrm>
          <a:off x="8641630" y="3730817"/>
          <a:ext cx="2078552" cy="972794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3180" tIns="32385" rIns="43180" bIns="32385" numCol="1" spcCol="1270" anchor="ctr" anchorCtr="0">
          <a:noAutofit/>
        </a:bodyPr>
        <a:lstStyle/>
        <a:p>
          <a:pPr marL="0" lvl="0" indent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700" kern="1200" dirty="0"/>
            <a:t>HP Hydrogen (200bar)</a:t>
          </a:r>
        </a:p>
      </dsp:txBody>
      <dsp:txXfrm>
        <a:off x="8670122" y="3759309"/>
        <a:ext cx="2021568" cy="915810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5478B06-63B1-4E9F-8B33-90698B17C720}">
      <dsp:nvSpPr>
        <dsp:cNvPr id="0" name=""/>
        <dsp:cNvSpPr/>
      </dsp:nvSpPr>
      <dsp:spPr>
        <a:xfrm rot="5400000">
          <a:off x="-205911" y="208323"/>
          <a:ext cx="1372742" cy="960919"/>
        </a:xfrm>
        <a:prstGeom prst="chevron">
          <a:avLst/>
        </a:prstGeom>
        <a:gradFill rotWithShape="0">
          <a:gsLst>
            <a:gs pos="0">
              <a:schemeClr val="accent5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5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5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 w="6350" cap="flat" cmpd="sng" algn="ctr">
          <a:solidFill>
            <a:schemeClr val="accent5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1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300" kern="1200" dirty="0"/>
            <a:t>Legislative Review</a:t>
          </a:r>
        </a:p>
      </dsp:txBody>
      <dsp:txXfrm rot="-5400000">
        <a:off x="1" y="482872"/>
        <a:ext cx="960919" cy="411823"/>
      </dsp:txXfrm>
    </dsp:sp>
    <dsp:sp modelId="{7558DCFD-95F6-4A19-89D2-8C9EABE070C9}">
      <dsp:nvSpPr>
        <dsp:cNvPr id="0" name=""/>
        <dsp:cNvSpPr/>
      </dsp:nvSpPr>
      <dsp:spPr>
        <a:xfrm rot="5400000">
          <a:off x="3213534" y="-2250202"/>
          <a:ext cx="892282" cy="5397512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6350" cap="flat" cmpd="sng" algn="ctr">
          <a:solidFill>
            <a:schemeClr val="accent5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  <dsp:txBody>
        <a:bodyPr spcFirstLastPara="0" vert="horz" wrap="square" lIns="120904" tIns="10795" rIns="10795" bIns="10795" numCol="1" spcCol="1270" anchor="ctr" anchorCtr="0">
          <a:noAutofit/>
        </a:bodyPr>
        <a:lstStyle/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700" kern="1200" dirty="0"/>
            <a:t>Current / Future Requirements</a:t>
          </a:r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700" kern="1200" dirty="0"/>
            <a:t>Available Guidance</a:t>
          </a:r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700" kern="1200"/>
            <a:t>Gap Analysis</a:t>
          </a:r>
          <a:endParaRPr lang="en-GB" sz="1700" kern="1200" dirty="0"/>
        </a:p>
      </dsp:txBody>
      <dsp:txXfrm rot="-5400000">
        <a:off x="960919" y="45971"/>
        <a:ext cx="5353954" cy="805166"/>
      </dsp:txXfrm>
    </dsp:sp>
    <dsp:sp modelId="{689A8EB4-E2E8-45EA-BDAD-45BD16327EE3}">
      <dsp:nvSpPr>
        <dsp:cNvPr id="0" name=""/>
        <dsp:cNvSpPr/>
      </dsp:nvSpPr>
      <dsp:spPr>
        <a:xfrm rot="5400000">
          <a:off x="-205911" y="1383847"/>
          <a:ext cx="1372742" cy="960919"/>
        </a:xfrm>
        <a:prstGeom prst="chevron">
          <a:avLst/>
        </a:prstGeom>
        <a:gradFill rotWithShape="0">
          <a:gsLst>
            <a:gs pos="0">
              <a:schemeClr val="accent5">
                <a:hueOff val="1772311"/>
                <a:satOff val="-2124"/>
                <a:lumOff val="-8922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5">
                <a:hueOff val="1772311"/>
                <a:satOff val="-2124"/>
                <a:lumOff val="-8922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5">
                <a:hueOff val="1772311"/>
                <a:satOff val="-2124"/>
                <a:lumOff val="-8922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 w="6350" cap="flat" cmpd="sng" algn="ctr">
          <a:solidFill>
            <a:schemeClr val="accent5">
              <a:hueOff val="1772311"/>
              <a:satOff val="-2124"/>
              <a:lumOff val="-8922"/>
              <a:alphaOff val="0"/>
            </a:schemeClr>
          </a:solidFill>
          <a:prstDash val="solid"/>
          <a:miter lim="800000"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1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300" kern="1200"/>
            <a:t>Stakeholder Engagement</a:t>
          </a:r>
          <a:endParaRPr lang="en-GB" sz="1300" kern="1200" dirty="0"/>
        </a:p>
      </dsp:txBody>
      <dsp:txXfrm rot="-5400000">
        <a:off x="1" y="1658396"/>
        <a:ext cx="960919" cy="411823"/>
      </dsp:txXfrm>
    </dsp:sp>
    <dsp:sp modelId="{0ABF44FC-0BC5-4C4E-829C-95A2B4106669}">
      <dsp:nvSpPr>
        <dsp:cNvPr id="0" name=""/>
        <dsp:cNvSpPr/>
      </dsp:nvSpPr>
      <dsp:spPr>
        <a:xfrm rot="5400000">
          <a:off x="3213534" y="-1074678"/>
          <a:ext cx="892282" cy="5397512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6350" cap="flat" cmpd="sng" algn="ctr">
          <a:solidFill>
            <a:schemeClr val="accent5">
              <a:hueOff val="1772311"/>
              <a:satOff val="-2124"/>
              <a:lumOff val="-8922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  <dsp:txBody>
        <a:bodyPr spcFirstLastPara="0" vert="horz" wrap="square" lIns="120904" tIns="10795" rIns="10795" bIns="10795" numCol="1" spcCol="1270" anchor="ctr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700" kern="1200" dirty="0">
              <a:latin typeface="+mn-lt"/>
              <a:ea typeface="+mn-ea"/>
              <a:cs typeface="+mn-cs"/>
            </a:rPr>
            <a:t>Interviews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700" kern="1200" dirty="0">
              <a:latin typeface="+mn-lt"/>
              <a:ea typeface="+mn-ea"/>
              <a:cs typeface="+mn-cs"/>
            </a:rPr>
            <a:t>Questionnaires</a:t>
          </a:r>
        </a:p>
      </dsp:txBody>
      <dsp:txXfrm rot="-5400000">
        <a:off x="960919" y="1221495"/>
        <a:ext cx="5353954" cy="805166"/>
      </dsp:txXfrm>
    </dsp:sp>
    <dsp:sp modelId="{193B365F-12B1-48B4-A2DB-033AE9BAC48F}">
      <dsp:nvSpPr>
        <dsp:cNvPr id="0" name=""/>
        <dsp:cNvSpPr/>
      </dsp:nvSpPr>
      <dsp:spPr>
        <a:xfrm rot="5400000">
          <a:off x="-205911" y="2559371"/>
          <a:ext cx="1372742" cy="960919"/>
        </a:xfrm>
        <a:prstGeom prst="chevron">
          <a:avLst/>
        </a:prstGeom>
        <a:gradFill rotWithShape="0">
          <a:gsLst>
            <a:gs pos="0">
              <a:schemeClr val="accent5">
                <a:hueOff val="3544623"/>
                <a:satOff val="-4248"/>
                <a:lumOff val="-17843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5">
                <a:hueOff val="3544623"/>
                <a:satOff val="-4248"/>
                <a:lumOff val="-17843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5">
                <a:hueOff val="3544623"/>
                <a:satOff val="-4248"/>
                <a:lumOff val="-17843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 w="6350" cap="flat" cmpd="sng" algn="ctr">
          <a:solidFill>
            <a:schemeClr val="accent5">
              <a:hueOff val="3544623"/>
              <a:satOff val="-4248"/>
              <a:lumOff val="-17843"/>
              <a:alphaOff val="0"/>
            </a:schemeClr>
          </a:solidFill>
          <a:prstDash val="solid"/>
          <a:miter lim="800000"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1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8255" tIns="8255" rIns="8255" bIns="8255" numCol="1" spcCol="1270" anchor="ctr" anchorCtr="0">
          <a:noAutofit/>
        </a:bodyPr>
        <a:lstStyle/>
        <a:p>
          <a:pPr marL="0" lvl="0" indent="0" algn="ctr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300" kern="1200"/>
            <a:t>Findings</a:t>
          </a:r>
          <a:endParaRPr lang="en-GB" sz="1300" kern="1200" dirty="0"/>
        </a:p>
      </dsp:txBody>
      <dsp:txXfrm rot="-5400000">
        <a:off x="1" y="2833920"/>
        <a:ext cx="960919" cy="411823"/>
      </dsp:txXfrm>
    </dsp:sp>
    <dsp:sp modelId="{9DA3B281-4843-4ACA-9D7C-C8F5512B6701}">
      <dsp:nvSpPr>
        <dsp:cNvPr id="0" name=""/>
        <dsp:cNvSpPr/>
      </dsp:nvSpPr>
      <dsp:spPr>
        <a:xfrm rot="5400000">
          <a:off x="3213534" y="100845"/>
          <a:ext cx="892282" cy="5397512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6350" cap="flat" cmpd="sng" algn="ctr">
          <a:solidFill>
            <a:schemeClr val="accent5">
              <a:hueOff val="3544623"/>
              <a:satOff val="-4248"/>
              <a:lumOff val="-17843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  <dsp:txBody>
        <a:bodyPr spcFirstLastPara="0" vert="horz" wrap="square" lIns="120904" tIns="10795" rIns="10795" bIns="10795" numCol="1" spcCol="1270" anchor="ctr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700" kern="1200" dirty="0">
              <a:latin typeface="+mn-lt"/>
              <a:ea typeface="+mn-ea"/>
              <a:cs typeface="+mn-cs"/>
            </a:rPr>
            <a:t>Identification of Key Issues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700" kern="1200" dirty="0">
              <a:latin typeface="+mn-lt"/>
              <a:ea typeface="+mn-ea"/>
              <a:cs typeface="+mn-cs"/>
            </a:rPr>
            <a:t>Next Steps</a:t>
          </a:r>
        </a:p>
      </dsp:txBody>
      <dsp:txXfrm rot="-5400000">
        <a:off x="960919" y="2397018"/>
        <a:ext cx="5353954" cy="805166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5478B06-63B1-4E9F-8B33-90698B17C720}">
      <dsp:nvSpPr>
        <dsp:cNvPr id="0" name=""/>
        <dsp:cNvSpPr/>
      </dsp:nvSpPr>
      <dsp:spPr>
        <a:xfrm rot="5400000">
          <a:off x="-178577" y="180331"/>
          <a:ext cx="1190514" cy="833360"/>
        </a:xfrm>
        <a:prstGeom prst="chevron">
          <a:avLst/>
        </a:prstGeom>
        <a:gradFill rotWithShape="0">
          <a:gsLst>
            <a:gs pos="0">
              <a:schemeClr val="accent5">
                <a:hueOff val="0"/>
                <a:satOff val="0"/>
                <a:lumOff val="0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5">
                <a:hueOff val="0"/>
                <a:satOff val="0"/>
                <a:lumOff val="0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5">
                <a:hueOff val="0"/>
                <a:satOff val="0"/>
                <a:lumOff val="0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 w="6350" cap="flat" cmpd="sng" algn="ctr">
          <a:solidFill>
            <a:schemeClr val="accent5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1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 dirty="0"/>
            <a:t>Properties of hydrogen </a:t>
          </a:r>
        </a:p>
      </dsp:txBody>
      <dsp:txXfrm rot="-5400000">
        <a:off x="0" y="418434"/>
        <a:ext cx="833360" cy="357154"/>
      </dsp:txXfrm>
    </dsp:sp>
    <dsp:sp modelId="{7558DCFD-95F6-4A19-89D2-8C9EABE070C9}">
      <dsp:nvSpPr>
        <dsp:cNvPr id="0" name=""/>
        <dsp:cNvSpPr/>
      </dsp:nvSpPr>
      <dsp:spPr>
        <a:xfrm rot="5400000">
          <a:off x="3208978" y="-2373864"/>
          <a:ext cx="773834" cy="5525071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6350" cap="flat" cmpd="sng" algn="ctr">
          <a:solidFill>
            <a:schemeClr val="accent5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  <dsp:txBody>
        <a:bodyPr spcFirstLastPara="0" vert="horz" wrap="square" lIns="106680" tIns="9525" rIns="9525" bIns="9525" numCol="1" spcCol="1270" anchor="ctr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/>
            <a:t>Physical and other Hazards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/>
            <a:t>Hydrogen Storage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/>
            <a:t>Comparison to Other Fuels</a:t>
          </a:r>
        </a:p>
      </dsp:txBody>
      <dsp:txXfrm rot="-5400000">
        <a:off x="833360" y="39529"/>
        <a:ext cx="5487296" cy="698284"/>
      </dsp:txXfrm>
    </dsp:sp>
    <dsp:sp modelId="{689A8EB4-E2E8-45EA-BDAD-45BD16327EE3}">
      <dsp:nvSpPr>
        <dsp:cNvPr id="0" name=""/>
        <dsp:cNvSpPr/>
      </dsp:nvSpPr>
      <dsp:spPr>
        <a:xfrm rot="5400000">
          <a:off x="-178577" y="1223324"/>
          <a:ext cx="1190514" cy="833360"/>
        </a:xfrm>
        <a:prstGeom prst="chevron">
          <a:avLst/>
        </a:prstGeom>
        <a:gradFill rotWithShape="0">
          <a:gsLst>
            <a:gs pos="0">
              <a:schemeClr val="accent5">
                <a:hueOff val="1181541"/>
                <a:satOff val="-1416"/>
                <a:lumOff val="-5948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5">
                <a:hueOff val="1181541"/>
                <a:satOff val="-1416"/>
                <a:lumOff val="-5948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5">
                <a:hueOff val="1181541"/>
                <a:satOff val="-1416"/>
                <a:lumOff val="-5948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 w="6350" cap="flat" cmpd="sng" algn="ctr">
          <a:solidFill>
            <a:schemeClr val="accent5">
              <a:hueOff val="1181541"/>
              <a:satOff val="-1416"/>
              <a:lumOff val="-5948"/>
              <a:alphaOff val="0"/>
            </a:schemeClr>
          </a:solidFill>
          <a:prstDash val="solid"/>
          <a:miter lim="800000"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1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 dirty="0"/>
            <a:t>Guidance on legislation</a:t>
          </a:r>
        </a:p>
      </dsp:txBody>
      <dsp:txXfrm rot="-5400000">
        <a:off x="0" y="1461427"/>
        <a:ext cx="833360" cy="357154"/>
      </dsp:txXfrm>
    </dsp:sp>
    <dsp:sp modelId="{0ABF44FC-0BC5-4C4E-829C-95A2B4106669}">
      <dsp:nvSpPr>
        <dsp:cNvPr id="0" name=""/>
        <dsp:cNvSpPr/>
      </dsp:nvSpPr>
      <dsp:spPr>
        <a:xfrm rot="5400000">
          <a:off x="3208978" y="-1330871"/>
          <a:ext cx="773834" cy="5525071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6350" cap="flat" cmpd="sng" algn="ctr">
          <a:solidFill>
            <a:schemeClr val="accent5">
              <a:hueOff val="1181541"/>
              <a:satOff val="-1416"/>
              <a:lumOff val="-5948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  <dsp:txBody>
        <a:bodyPr spcFirstLastPara="0" vert="horz" wrap="square" lIns="106680" tIns="9525" rIns="9525" bIns="9525" numCol="1" spcCol="1270" anchor="ctr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Purpose, Scope, Owner, Authority, Duties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Applicability for Hydrogen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Guidance for Compliance</a:t>
          </a:r>
        </a:p>
      </dsp:txBody>
      <dsp:txXfrm rot="-5400000">
        <a:off x="833360" y="1082522"/>
        <a:ext cx="5487296" cy="698284"/>
      </dsp:txXfrm>
    </dsp:sp>
    <dsp:sp modelId="{193B365F-12B1-48B4-A2DB-033AE9BAC48F}">
      <dsp:nvSpPr>
        <dsp:cNvPr id="0" name=""/>
        <dsp:cNvSpPr/>
      </dsp:nvSpPr>
      <dsp:spPr>
        <a:xfrm rot="5400000">
          <a:off x="-178577" y="2266318"/>
          <a:ext cx="1190514" cy="833360"/>
        </a:xfrm>
        <a:prstGeom prst="chevron">
          <a:avLst/>
        </a:prstGeom>
        <a:gradFill rotWithShape="0">
          <a:gsLst>
            <a:gs pos="0">
              <a:schemeClr val="accent5">
                <a:hueOff val="2363082"/>
                <a:satOff val="-2832"/>
                <a:lumOff val="-11895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5">
                <a:hueOff val="2363082"/>
                <a:satOff val="-2832"/>
                <a:lumOff val="-11895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5">
                <a:hueOff val="2363082"/>
                <a:satOff val="-2832"/>
                <a:lumOff val="-11895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 w="6350" cap="flat" cmpd="sng" algn="ctr">
          <a:solidFill>
            <a:schemeClr val="accent5">
              <a:hueOff val="2363082"/>
              <a:satOff val="-2832"/>
              <a:lumOff val="-11895"/>
              <a:alphaOff val="0"/>
            </a:schemeClr>
          </a:solidFill>
          <a:prstDash val="solid"/>
          <a:miter lim="800000"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1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 dirty="0"/>
            <a:t>Codes and standards</a:t>
          </a:r>
        </a:p>
      </dsp:txBody>
      <dsp:txXfrm rot="-5400000">
        <a:off x="0" y="2504421"/>
        <a:ext cx="833360" cy="357154"/>
      </dsp:txXfrm>
    </dsp:sp>
    <dsp:sp modelId="{9DA3B281-4843-4ACA-9D7C-C8F5512B6701}">
      <dsp:nvSpPr>
        <dsp:cNvPr id="0" name=""/>
        <dsp:cNvSpPr/>
      </dsp:nvSpPr>
      <dsp:spPr>
        <a:xfrm rot="5400000">
          <a:off x="3208978" y="-287877"/>
          <a:ext cx="773834" cy="5525071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6350" cap="flat" cmpd="sng" algn="ctr">
          <a:solidFill>
            <a:schemeClr val="accent5">
              <a:hueOff val="2363082"/>
              <a:satOff val="-2832"/>
              <a:lumOff val="-11895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  <dsp:txBody>
        <a:bodyPr spcFirstLastPara="0" vert="horz" wrap="square" lIns="106680" tIns="9525" rIns="9525" bIns="9525" numCol="1" spcCol="1270" anchor="ctr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Purpose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Scope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Requirements</a:t>
          </a:r>
        </a:p>
      </dsp:txBody>
      <dsp:txXfrm rot="-5400000">
        <a:off x="833360" y="2125516"/>
        <a:ext cx="5487296" cy="698284"/>
      </dsp:txXfrm>
    </dsp:sp>
    <dsp:sp modelId="{3644DF3E-2673-4D83-A307-C130DDE039C2}">
      <dsp:nvSpPr>
        <dsp:cNvPr id="0" name=""/>
        <dsp:cNvSpPr/>
      </dsp:nvSpPr>
      <dsp:spPr>
        <a:xfrm rot="5400000">
          <a:off x="-178577" y="3309311"/>
          <a:ext cx="1190514" cy="833360"/>
        </a:xfrm>
        <a:prstGeom prst="chevron">
          <a:avLst/>
        </a:prstGeom>
        <a:gradFill rotWithShape="0">
          <a:gsLst>
            <a:gs pos="0">
              <a:schemeClr val="accent5">
                <a:hueOff val="3544623"/>
                <a:satOff val="-4248"/>
                <a:lumOff val="-17843"/>
                <a:alphaOff val="0"/>
                <a:satMod val="103000"/>
                <a:lumMod val="102000"/>
                <a:tint val="94000"/>
              </a:schemeClr>
            </a:gs>
            <a:gs pos="50000">
              <a:schemeClr val="accent5">
                <a:hueOff val="3544623"/>
                <a:satOff val="-4248"/>
                <a:lumOff val="-17843"/>
                <a:alphaOff val="0"/>
                <a:satMod val="110000"/>
                <a:lumMod val="100000"/>
                <a:shade val="100000"/>
              </a:schemeClr>
            </a:gs>
            <a:gs pos="100000">
              <a:schemeClr val="accent5">
                <a:hueOff val="3544623"/>
                <a:satOff val="-4248"/>
                <a:lumOff val="-17843"/>
                <a:alphaOff val="0"/>
                <a:lumMod val="99000"/>
                <a:satMod val="120000"/>
                <a:shade val="78000"/>
              </a:schemeClr>
            </a:gs>
          </a:gsLst>
          <a:lin ang="5400000" scaled="0"/>
        </a:gradFill>
        <a:ln w="6350" cap="flat" cmpd="sng" algn="ctr">
          <a:solidFill>
            <a:schemeClr val="accent5">
              <a:hueOff val="3544623"/>
              <a:satOff val="-4248"/>
              <a:lumOff val="-17843"/>
              <a:alphaOff val="0"/>
            </a:schemeClr>
          </a:solidFill>
          <a:prstDash val="solid"/>
          <a:miter lim="800000"/>
        </a:ln>
        <a:effectLst>
          <a:outerShdw blurRad="57150" dist="19050" dir="5400000" algn="ctr" rotWithShape="0">
            <a:srgbClr val="000000">
              <a:alpha val="63000"/>
            </a:srgbClr>
          </a:outerShdw>
        </a:effectLst>
      </dsp:spPr>
      <dsp:style>
        <a:lnRef idx="1">
          <a:scrgbClr r="0" g="0" b="0"/>
        </a:lnRef>
        <a:fillRef idx="3">
          <a:scrgbClr r="0" g="0" b="0"/>
        </a:fillRef>
        <a:effectRef idx="3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 dirty="0"/>
            <a:t>Case Studies</a:t>
          </a:r>
        </a:p>
      </dsp:txBody>
      <dsp:txXfrm rot="-5400000">
        <a:off x="0" y="3547414"/>
        <a:ext cx="833360" cy="357154"/>
      </dsp:txXfrm>
    </dsp:sp>
    <dsp:sp modelId="{BEAB0B8B-C571-456D-967C-E8D966760773}">
      <dsp:nvSpPr>
        <dsp:cNvPr id="0" name=""/>
        <dsp:cNvSpPr/>
      </dsp:nvSpPr>
      <dsp:spPr>
        <a:xfrm rot="5400000">
          <a:off x="3208978" y="755115"/>
          <a:ext cx="773834" cy="5525071"/>
        </a:xfrm>
        <a:prstGeom prst="round2SameRect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6350" cap="flat" cmpd="sng" algn="ctr">
          <a:solidFill>
            <a:schemeClr val="accent5">
              <a:hueOff val="3544623"/>
              <a:satOff val="-4248"/>
              <a:lumOff val="-17843"/>
              <a:alphaOff val="0"/>
            </a:schemeClr>
          </a:solidFill>
          <a:prstDash val="solid"/>
          <a:miter lim="800000"/>
        </a:ln>
        <a:effectLst/>
      </dsp:spPr>
      <dsp:style>
        <a:lnRef idx="1">
          <a:scrgbClr r="0" g="0" b="0"/>
        </a:lnRef>
        <a:fillRef idx="1">
          <a:scrgbClr r="0" g="0" b="0"/>
        </a:fillRef>
        <a:effectRef idx="2">
          <a:scrgbClr r="0" g="0" b="0"/>
        </a:effectRef>
        <a:fontRef idx="minor"/>
      </dsp:style>
      <dsp:txBody>
        <a:bodyPr spcFirstLastPara="0" vert="horz" wrap="square" lIns="106680" tIns="9525" rIns="9525" bIns="9525" numCol="1" spcCol="1270" anchor="ctr" anchorCtr="0">
          <a:noAutofit/>
        </a:bodyPr>
        <a:lstStyle/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solidFill>
                <a:srgbClr val="1C1C1C">
                  <a:hueOff val="0"/>
                  <a:satOff val="0"/>
                  <a:lumOff val="0"/>
                  <a:alphaOff val="0"/>
                </a:srgbClr>
              </a:solidFill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Stakeholder Engagement</a:t>
          </a:r>
        </a:p>
        <a:p>
          <a:pPr marL="114300" lvl="1" indent="-114300" algn="l" defTabSz="666750">
            <a:lnSpc>
              <a:spcPct val="90000"/>
            </a:lnSpc>
            <a:spcBef>
              <a:spcPct val="0"/>
            </a:spcBef>
            <a:spcAft>
              <a:spcPct val="15000"/>
            </a:spcAft>
            <a:buClr>
              <a:srgbClr val="F37021"/>
            </a:buClr>
            <a:buChar char="•"/>
          </a:pPr>
          <a:r>
            <a:rPr lang="en-GB" sz="1500" kern="1200" dirty="0">
              <a:solidFill>
                <a:srgbClr val="1C1C1C">
                  <a:hueOff val="0"/>
                  <a:satOff val="0"/>
                  <a:lumOff val="0"/>
                  <a:alphaOff val="0"/>
                </a:srgbClr>
              </a:solidFill>
              <a:latin typeface="Cambria" panose="02040503050406030204" pitchFamily="18" charset="0"/>
              <a:ea typeface="Cambria" panose="02040503050406030204" pitchFamily="18" charset="0"/>
              <a:cs typeface="+mn-cs"/>
            </a:rPr>
            <a:t>Gaps Identified</a:t>
          </a:r>
        </a:p>
      </dsp:txBody>
      <dsp:txXfrm rot="-5400000">
        <a:off x="833360" y="3168509"/>
        <a:ext cx="5487296" cy="698284"/>
      </dsp:txXfrm>
    </dsp:sp>
  </dsp:spTree>
</dsp:drawing>
</file>

<file path=ppt/diagrams/drawing7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2B6C35C-6076-4079-AC00-B283F5C36FF3}">
      <dsp:nvSpPr>
        <dsp:cNvPr id="0" name=""/>
        <dsp:cNvSpPr/>
      </dsp:nvSpPr>
      <dsp:spPr>
        <a:xfrm rot="10800000">
          <a:off x="1530508" y="301929"/>
          <a:ext cx="3650018" cy="592042"/>
        </a:xfrm>
        <a:prstGeom prst="homePlat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21315" tIns="53340" rIns="99568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1" kern="1200" dirty="0"/>
            <a:t>Onshore Production &amp; Storage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i="1" kern="1200" dirty="0"/>
            <a:t>Hydrogen to Humber (H2H)</a:t>
          </a:r>
        </a:p>
      </dsp:txBody>
      <dsp:txXfrm rot="10800000">
        <a:off x="1678518" y="301929"/>
        <a:ext cx="3502008" cy="592042"/>
      </dsp:txXfrm>
    </dsp:sp>
    <dsp:sp modelId="{1BCEA5ED-EABD-4FAA-B114-06C4DDBE6DB8}">
      <dsp:nvSpPr>
        <dsp:cNvPr id="0" name=""/>
        <dsp:cNvSpPr/>
      </dsp:nvSpPr>
      <dsp:spPr>
        <a:xfrm>
          <a:off x="621722" y="1120"/>
          <a:ext cx="1190570" cy="1190570"/>
        </a:xfrm>
        <a:prstGeom prst="ellipse">
          <a:avLst/>
        </a:prstGeom>
        <a:blipFill rotWithShape="1">
          <a:blip xmlns:r="http://schemas.openxmlformats.org/officeDocument/2006/relationships" r:embed="rId1"/>
          <a:srcRect/>
          <a:stretch>
            <a:fillRect l="-50000" r="-50000"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6803308-D74A-4ED9-BABF-B977C11E58A3}">
      <dsp:nvSpPr>
        <dsp:cNvPr id="0" name=""/>
        <dsp:cNvSpPr/>
      </dsp:nvSpPr>
      <dsp:spPr>
        <a:xfrm rot="10800000">
          <a:off x="1554640" y="1600104"/>
          <a:ext cx="3650018" cy="625212"/>
        </a:xfrm>
        <a:prstGeom prst="homePlat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21315" tIns="53340" rIns="99568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1" kern="1200" dirty="0"/>
            <a:t>Offshore Production &amp; Transport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i="1" kern="1200" dirty="0"/>
            <a:t>Dolphyn</a:t>
          </a:r>
        </a:p>
      </dsp:txBody>
      <dsp:txXfrm rot="10800000">
        <a:off x="1710943" y="1600104"/>
        <a:ext cx="3493715" cy="625212"/>
      </dsp:txXfrm>
    </dsp:sp>
    <dsp:sp modelId="{AF0A8AAB-C822-451B-91A3-D5CC627A49E8}">
      <dsp:nvSpPr>
        <dsp:cNvPr id="0" name=""/>
        <dsp:cNvSpPr/>
      </dsp:nvSpPr>
      <dsp:spPr>
        <a:xfrm>
          <a:off x="624673" y="1341505"/>
          <a:ext cx="1178765" cy="1178765"/>
        </a:xfrm>
        <a:prstGeom prst="ellipse">
          <a:avLst/>
        </a:prstGeom>
        <a:blipFill rotWithShape="1">
          <a:blip xmlns:r="http://schemas.openxmlformats.org/officeDocument/2006/relationships" r:embed="rId2"/>
          <a:srcRect/>
          <a:stretch>
            <a:fillRect l="-39000" r="-39000"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9A097CDB-09BA-48A0-8633-00F3727A90F8}">
      <dsp:nvSpPr>
        <dsp:cNvPr id="0" name=""/>
        <dsp:cNvSpPr/>
      </dsp:nvSpPr>
      <dsp:spPr>
        <a:xfrm rot="10800000">
          <a:off x="1550677" y="2939877"/>
          <a:ext cx="3650018" cy="586978"/>
        </a:xfrm>
        <a:prstGeom prst="homePlat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21315" tIns="53340" rIns="99568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1" kern="1200" dirty="0"/>
            <a:t>Gas Network</a:t>
          </a:r>
        </a:p>
      </dsp:txBody>
      <dsp:txXfrm rot="10800000">
        <a:off x="1697421" y="2939877"/>
        <a:ext cx="3503274" cy="586978"/>
      </dsp:txXfrm>
    </dsp:sp>
    <dsp:sp modelId="{FC182EB7-30CC-416C-97E7-D7C4C38FADD5}">
      <dsp:nvSpPr>
        <dsp:cNvPr id="0" name=""/>
        <dsp:cNvSpPr/>
      </dsp:nvSpPr>
      <dsp:spPr>
        <a:xfrm>
          <a:off x="628636" y="2670086"/>
          <a:ext cx="1162916" cy="1162916"/>
        </a:xfrm>
        <a:prstGeom prst="ellipse">
          <a:avLst/>
        </a:prstGeom>
        <a:blipFill rotWithShape="1">
          <a:blip xmlns:r="http://schemas.openxmlformats.org/officeDocument/2006/relationships" r:embed="rId3"/>
          <a:srcRect/>
          <a:stretch>
            <a:fillRect t="-2000" b="-2000"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461B63ED-4013-40BF-80E3-FE84A5D1A1F2}">
      <dsp:nvSpPr>
        <dsp:cNvPr id="0" name=""/>
        <dsp:cNvSpPr/>
      </dsp:nvSpPr>
      <dsp:spPr>
        <a:xfrm rot="10800000">
          <a:off x="1544078" y="4237401"/>
          <a:ext cx="3650018" cy="590994"/>
        </a:xfrm>
        <a:prstGeom prst="homePlat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21315" tIns="53340" rIns="99568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1" kern="1200" dirty="0"/>
            <a:t>Refuelling Station</a:t>
          </a:r>
        </a:p>
      </dsp:txBody>
      <dsp:txXfrm rot="10800000">
        <a:off x="1691826" y="4237401"/>
        <a:ext cx="3502270" cy="590994"/>
      </dsp:txXfrm>
    </dsp:sp>
    <dsp:sp modelId="{4EA41EE0-FCE2-49A2-BE97-AFC4C49D60DF}">
      <dsp:nvSpPr>
        <dsp:cNvPr id="0" name=""/>
        <dsp:cNvSpPr/>
      </dsp:nvSpPr>
      <dsp:spPr>
        <a:xfrm>
          <a:off x="635236" y="3982817"/>
          <a:ext cx="1136517" cy="1136517"/>
        </a:xfrm>
        <a:prstGeom prst="ellipse">
          <a:avLst/>
        </a:prstGeom>
        <a:blipFill rotWithShape="1">
          <a:blip xmlns:r="http://schemas.openxmlformats.org/officeDocument/2006/relationships" r:embed="rId4"/>
          <a:srcRect/>
          <a:stretch>
            <a:fillRect l="-25000" r="-25000"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drawing8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F9DE204-15F9-4764-9A52-EA9AFC6E6AEC}">
      <dsp:nvSpPr>
        <dsp:cNvPr id="0" name=""/>
        <dsp:cNvSpPr/>
      </dsp:nvSpPr>
      <dsp:spPr>
        <a:xfrm>
          <a:off x="488908" y="458"/>
          <a:ext cx="3702703" cy="150331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rgbClr val="F37021"/>
            </a:buClr>
            <a:buFont typeface="Arial" pitchFamily="34" charset="0"/>
            <a:buNone/>
          </a:pPr>
          <a:r>
            <a:rPr lang="en-GB" sz="1400" b="1" kern="1200" dirty="0">
              <a:solidFill>
                <a:schemeClr val="bg1"/>
              </a:solidFill>
              <a:latin typeface="Arial"/>
            </a:rPr>
            <a:t>H2H </a:t>
          </a:r>
          <a:r>
            <a:rPr lang="en-GB" sz="1400" b="1" kern="1200" dirty="0" err="1">
              <a:solidFill>
                <a:schemeClr val="bg1"/>
              </a:solidFill>
              <a:latin typeface="Arial"/>
            </a:rPr>
            <a:t>Saltend</a:t>
          </a:r>
          <a:endParaRPr lang="en-GB" sz="1400" b="1" kern="1200" dirty="0">
            <a:solidFill>
              <a:schemeClr val="bg1"/>
            </a:solidFill>
            <a:latin typeface="Arial"/>
          </a:endParaRP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rgbClr val="F37021"/>
            </a:buClr>
            <a:buFont typeface="Arial" pitchFamily="34" charset="0"/>
            <a:buNone/>
          </a:pPr>
          <a:r>
            <a:rPr lang="en-GB" sz="1400" kern="1200" dirty="0">
              <a:solidFill>
                <a:schemeClr val="bg1"/>
              </a:solidFill>
              <a:latin typeface="Arial"/>
            </a:rPr>
            <a:t>‘Blue’ hydrogen production 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rgbClr val="F37021"/>
            </a:buClr>
            <a:buFont typeface="Arial" pitchFamily="34" charset="0"/>
            <a:buNone/>
          </a:pPr>
          <a:r>
            <a:rPr lang="en-GB" sz="1400" kern="1200" dirty="0">
              <a:solidFill>
                <a:schemeClr val="bg1"/>
              </a:solidFill>
              <a:latin typeface="Arial"/>
            </a:rPr>
            <a:t>(NG reforming with CCS)</a:t>
          </a:r>
          <a:endParaRPr lang="en-GB" sz="1400" kern="1200" dirty="0">
            <a:solidFill>
              <a:schemeClr val="bg1"/>
            </a:solidFill>
          </a:endParaRPr>
        </a:p>
      </dsp:txBody>
      <dsp:txXfrm>
        <a:off x="532939" y="44489"/>
        <a:ext cx="3614641" cy="1415250"/>
      </dsp:txXfrm>
    </dsp:sp>
    <dsp:sp modelId="{90EA7C8B-D058-40EB-9CBF-DC709AC5DFE9}">
      <dsp:nvSpPr>
        <dsp:cNvPr id="0" name=""/>
        <dsp:cNvSpPr/>
      </dsp:nvSpPr>
      <dsp:spPr>
        <a:xfrm rot="5400000">
          <a:off x="2058388" y="1541354"/>
          <a:ext cx="563742" cy="676490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289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2900" kern="1200"/>
        </a:p>
      </dsp:txBody>
      <dsp:txXfrm rot="-5400000">
        <a:off x="2137313" y="1597728"/>
        <a:ext cx="405894" cy="394619"/>
      </dsp:txXfrm>
    </dsp:sp>
    <dsp:sp modelId="{12274976-24C7-4B4C-954C-DA3D321288C9}">
      <dsp:nvSpPr>
        <dsp:cNvPr id="0" name=""/>
        <dsp:cNvSpPr/>
      </dsp:nvSpPr>
      <dsp:spPr>
        <a:xfrm>
          <a:off x="488908" y="2255427"/>
          <a:ext cx="3702703" cy="150331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53340" tIns="53340" rIns="53340" bIns="53340" numCol="1" spcCol="1270" anchor="ctr" anchorCtr="0">
          <a:noAutofit/>
        </a:bodyPr>
        <a:lstStyle/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1" kern="1200" dirty="0" err="1">
              <a:solidFill>
                <a:schemeClr val="bg1"/>
              </a:solidFill>
              <a:latin typeface="Arial"/>
            </a:rPr>
            <a:t>Aldbrough</a:t>
          </a:r>
          <a:r>
            <a:rPr lang="en-GB" sz="1400" b="1" kern="1200" dirty="0">
              <a:solidFill>
                <a:schemeClr val="bg1"/>
              </a:solidFill>
              <a:latin typeface="Arial"/>
            </a:rPr>
            <a:t> Hydrogen Storage</a:t>
          </a:r>
        </a:p>
        <a:p>
          <a:pPr marL="0" lvl="0" indent="0" algn="ctr" defTabSz="622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kern="1200" dirty="0">
              <a:solidFill>
                <a:schemeClr val="bg1"/>
              </a:solidFill>
              <a:latin typeface="Arial"/>
            </a:rPr>
            <a:t>Cavern storage of hydrogen</a:t>
          </a:r>
        </a:p>
      </dsp:txBody>
      <dsp:txXfrm>
        <a:off x="532939" y="2299458"/>
        <a:ext cx="3614641" cy="1415250"/>
      </dsp:txXfrm>
    </dsp:sp>
  </dsp:spTree>
</dsp:drawing>
</file>

<file path=ppt/diagrams/drawing9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B9CE54C-8E91-4FFC-A5FB-DC457C71DE1D}">
      <dsp:nvSpPr>
        <dsp:cNvPr id="0" name=""/>
        <dsp:cNvSpPr/>
      </dsp:nvSpPr>
      <dsp:spPr>
        <a:xfrm rot="5400000">
          <a:off x="3543028" y="-955531"/>
          <a:ext cx="1826296" cy="4194049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47650" tIns="123825" rIns="247650" bIns="123825" numCol="1" spcCol="1270" anchor="ctr" anchorCtr="0">
          <a:noAutofit/>
        </a:bodyPr>
        <a:lstStyle/>
        <a:p>
          <a:pPr marL="171450" lvl="1" indent="-171450" algn="l" defTabSz="8001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800" kern="1200" dirty="0"/>
            <a:t>COMAH</a:t>
          </a:r>
          <a:endParaRPr lang="en-US" sz="1800" kern="1200" dirty="0"/>
        </a:p>
        <a:p>
          <a:pPr marL="171450" lvl="1" indent="-171450" algn="l" defTabSz="8001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800" kern="1200" dirty="0"/>
            <a:t>General Health and Safety legislation</a:t>
          </a:r>
          <a:endParaRPr lang="en-US" sz="1800" kern="1200" dirty="0"/>
        </a:p>
        <a:p>
          <a:pPr marL="171450" lvl="1" indent="-171450" algn="l" defTabSz="8001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800" kern="1200" dirty="0"/>
            <a:t>Environmental permit for regulated activities</a:t>
          </a:r>
          <a:endParaRPr lang="en-US" sz="1800" kern="1200" dirty="0"/>
        </a:p>
      </dsp:txBody>
      <dsp:txXfrm rot="-5400000">
        <a:off x="2359152" y="317497"/>
        <a:ext cx="4104897" cy="1647992"/>
      </dsp:txXfrm>
    </dsp:sp>
    <dsp:sp modelId="{6FA1F704-9804-4042-A55D-43539626AE14}">
      <dsp:nvSpPr>
        <dsp:cNvPr id="0" name=""/>
        <dsp:cNvSpPr/>
      </dsp:nvSpPr>
      <dsp:spPr>
        <a:xfrm>
          <a:off x="0" y="57"/>
          <a:ext cx="2359152" cy="2282871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6680" tIns="53340" rIns="106680" bIns="53340" numCol="1" spcCol="1270" anchor="ctr" anchorCtr="0">
          <a:noAutofit/>
        </a:bodyPr>
        <a:lstStyle/>
        <a:p>
          <a:pPr marL="0" lvl="0" indent="0" algn="ctr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800" b="1" kern="1200"/>
            <a:t>Regulatory Framework</a:t>
          </a:r>
          <a:endParaRPr lang="en-US" sz="2800" kern="1200" dirty="0"/>
        </a:p>
      </dsp:txBody>
      <dsp:txXfrm>
        <a:off x="111441" y="111498"/>
        <a:ext cx="2136270" cy="2059989"/>
      </dsp:txXfrm>
    </dsp:sp>
    <dsp:sp modelId="{8CBE2CDB-1A8A-4C42-A842-F7CF97391940}">
      <dsp:nvSpPr>
        <dsp:cNvPr id="0" name=""/>
        <dsp:cNvSpPr/>
      </dsp:nvSpPr>
      <dsp:spPr>
        <a:xfrm rot="5400000">
          <a:off x="3543028" y="1441482"/>
          <a:ext cx="1826296" cy="4194049"/>
        </a:xfrm>
        <a:prstGeom prst="round2SameRect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47650" tIns="123825" rIns="247650" bIns="123825" numCol="1" spcCol="1270" anchor="ctr" anchorCtr="0">
          <a:noAutofit/>
        </a:bodyPr>
        <a:lstStyle/>
        <a:p>
          <a:pPr marL="171450" lvl="1" indent="-171450" algn="l" defTabSz="8001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800" kern="1200" dirty="0"/>
            <a:t>Lack of single published BAT for CCS when carried out via SMR</a:t>
          </a:r>
          <a:endParaRPr lang="en-US" sz="1800" kern="1200" dirty="0"/>
        </a:p>
        <a:p>
          <a:pPr marL="171450" lvl="1" indent="-171450" algn="l" defTabSz="8001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1800" kern="1200" dirty="0"/>
            <a:t>Lack of accepted method for modelling risk from Carbon Dioxide created during the process</a:t>
          </a:r>
          <a:endParaRPr lang="en-US" sz="1800" kern="1200" dirty="0"/>
        </a:p>
      </dsp:txBody>
      <dsp:txXfrm rot="-5400000">
        <a:off x="2359152" y="2714510"/>
        <a:ext cx="4104897" cy="1647992"/>
      </dsp:txXfrm>
    </dsp:sp>
    <dsp:sp modelId="{331D690B-3C86-4971-8D30-280730EBB5A7}">
      <dsp:nvSpPr>
        <dsp:cNvPr id="0" name=""/>
        <dsp:cNvSpPr/>
      </dsp:nvSpPr>
      <dsp:spPr>
        <a:xfrm>
          <a:off x="0" y="2397071"/>
          <a:ext cx="2359152" cy="2282871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06680" tIns="53340" rIns="106680" bIns="53340" numCol="1" spcCol="1270" anchor="ctr" anchorCtr="0">
          <a:noAutofit/>
        </a:bodyPr>
        <a:lstStyle/>
        <a:p>
          <a:pPr marL="0" lvl="0" indent="0" algn="ctr" defTabSz="12446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800" b="1" kern="1200"/>
            <a:t>Key</a:t>
          </a:r>
          <a:r>
            <a:rPr lang="en-GB" sz="3000" b="1" kern="1200"/>
            <a:t> </a:t>
          </a:r>
          <a:r>
            <a:rPr lang="en-GB" sz="2800" b="1" kern="1200"/>
            <a:t>Findings</a:t>
          </a:r>
          <a:endParaRPr lang="en-US" sz="3000" kern="1200" dirty="0"/>
        </a:p>
      </dsp:txBody>
      <dsp:txXfrm>
        <a:off x="111441" y="2508512"/>
        <a:ext cx="2136270" cy="2059989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Process5">
  <dgm:title val=""/>
  <dgm:desc val=""/>
  <dgm:catLst>
    <dgm:cat type="process" pri="1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</dgm:cxnLst>
      <dgm:bg/>
      <dgm:whole/>
    </dgm:dataModel>
  </dgm:clrData>
  <dgm:layoutNode name="outerComposite">
    <dgm:varLst>
      <dgm:chMax val="5"/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0">
      <dgm:if name="Name1" func="var" arg="dir" op="equ" val="norm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l" for="ch" forName="TwoNodes_1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r" for="ch" forName="TwoNodes_2" refType="w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r" for="ch" forName="TwoConn_1-2" refType="r" refFor="ch" refForName="TwoNodes_1"/>
          <dgm:constr type="r" for="ch" forName="TwoNodes_1_text" refType="l" refFor="ch" refForName="TwoConn_1-2"/>
          <dgm:constr type="rOff" for="ch" forName="TwoNodes_1_text" refType="w" refFor="ch" refForName="TwoConn_1-2" fact="-0.5"/>
          <dgm:constr type="t" for="ch" forName="TwoNodes_1_text" refType="t" refFor="ch" refForName="TwoNodes_1"/>
          <dgm:constr type="b" for="ch" forName="TwoNodes_1_text" refType="b" refFor="ch" refForName="TwoNodes_1"/>
          <dgm:constr type="l" for="ch" forName="TwoNodes_1_text" refType="l" refFor="ch" refForName="TwoNodes_1"/>
          <dgm:constr type="r" for="ch" forName="TwoNodes_2_text" refType="l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l" for="ch" forName="TwoNodes_2_text" refType="l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l" for="ch" forName="ThreeNodes_1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r" for="ch" forName="ThreeNodes_3" refType="w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r" for="ch" forName="ThreeConn_1-2" refType="r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r" for="ch" forName="ThreeConn_2-3" refType="r" refFor="ch" refForName="ThreeNodes_2"/>
          <dgm:constr type="r" for="ch" forName="ThreeNodes_1_text" refType="l" refFor="ch" refForName="ThreeConn_1-2"/>
          <dgm:constr type="rOff" for="ch" forName="ThreeNodes_1_text" refType="w" refFor="ch" refForName="ThreeConn_1-2" fact="-0.57"/>
          <dgm:constr type="t" for="ch" forName="ThreeNodes_1_text" refType="t" refFor="ch" refForName="ThreeNodes_1"/>
          <dgm:constr type="b" for="ch" forName="ThreeNodes_1_text" refType="b" refFor="ch" refForName="ThreeNodes_1"/>
          <dgm:constr type="l" for="ch" forName="ThreeNodes_1_text" refType="l" refFor="ch" refForName="ThreeNodes_1"/>
          <dgm:constr type="r" for="ch" forName="ThreeNodes_2_text" refType="l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l" for="ch" forName="ThreeNodes_2_text" refType="l" refFor="ch" refForName="ThreeNodes_2"/>
          <dgm:constr type="r" for="ch" forName="ThreeNodes_3_text" refType="l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l" for="ch" forName="ThreeNodes_3_text" refType="l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l" for="ch" forName="FourNodes_1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467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533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r" for="ch" forName="FourNodes_4" refType="w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r" for="ch" forName="FourConn_1-2" refType="r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r" for="ch" forName="FourConn_2-3" refType="r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r" for="ch" forName="FourConn_3-4" refType="r" refFor="ch" refForName="FourNodes_3"/>
          <dgm:constr type="r" for="ch" forName="FourNodes_1_text" refType="l" refFor="ch" refForName="FourConn_1-2"/>
          <dgm:constr type="rOff" for="ch" forName="FourNodes_1_text" refType="w" refFor="ch" refForName="FourConn_1-2" fact="-0.7"/>
          <dgm:constr type="t" for="ch" forName="FourNodes_1_text" refType="t" refFor="ch" refForName="FourNodes_1"/>
          <dgm:constr type="b" for="ch" forName="FourNodes_1_text" refType="b" refFor="ch" refForName="FourNodes_1"/>
          <dgm:constr type="l" for="ch" forName="FourNodes_1_text" refType="l" refFor="ch" refForName="FourNodes_1"/>
          <dgm:constr type="r" for="ch" forName="FourNodes_2_text" refType="l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l" for="ch" forName="FourNodes_2_text" refType="l" refFor="ch" refForName="FourNodes_2"/>
          <dgm:constr type="r" for="ch" forName="FourNodes_3_text" refType="l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l" for="ch" forName="FourNodes_3_text" refType="l" refFor="ch" refForName="FourNodes_3"/>
          <dgm:constr type="r" for="ch" forName="FourNodes_4_text" refType="l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l" for="ch" forName="FourNodes_4_text" refType="l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l" for="ch" forName="FiveNodes_1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442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557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r" for="ch" forName="FiveNodes_5" refType="w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r" for="ch" forName="FiveConn_1-2" refType="r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r" for="ch" forName="FiveConn_2-3" refType="r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r" for="ch" forName="FiveConn_3-4" refType="r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r" for="ch" forName="FiveConn_4-5" refType="r" refFor="ch" refForName="FiveNodes_4"/>
          <dgm:constr type="r" for="ch" forName="FiveNodes_1_text" refType="l" refFor="ch" refForName="FiveConn_1-2"/>
          <dgm:constr type="rOff" for="ch" forName="FiveNodes_1_text" refType="w" refFor="ch" refForName="FiveConn_1-2" fact="-0.75"/>
          <dgm:constr type="t" for="ch" forName="FiveNodes_1_text" refType="t" refFor="ch" refForName="FiveNodes_1"/>
          <dgm:constr type="b" for="ch" forName="FiveNodes_1_text" refType="b" refFor="ch" refForName="FiveNodes_1"/>
          <dgm:constr type="l" for="ch" forName="FiveNodes_1_text" refType="l" refFor="ch" refForName="FiveNodes_1"/>
          <dgm:constr type="r" for="ch" forName="FiveNodes_2_text" refType="l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l" for="ch" forName="FiveNodes_2_text" refType="l" refFor="ch" refForName="FiveNodes_2"/>
          <dgm:constr type="r" for="ch" forName="FiveNodes_3_text" refType="l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l" for="ch" forName="FiveNodes_3_text" refType="l" refFor="ch" refForName="FiveNodes_3"/>
          <dgm:constr type="r" for="ch" forName="FiveNodes_4_text" refType="l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l" for="ch" forName="FiveNodes_4_text" refType="l" refFor="ch" refForName="FiveNodes_4"/>
          <dgm:constr type="r" for="ch" forName="FiveNodes_5_text" refType="l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l" for="ch" forName="FiveNodes_5_text" refType="l" refFor="ch" refForName="FiveNodes_5"/>
        </dgm:constrLst>
      </dgm:if>
      <dgm:else name="Name2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r" for="ch" forName="TwoNodes_1" refType="w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l" for="ch" forName="TwoNodes_2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l" for="ch" forName="TwoConn_1-2" refType="l" refFor="ch" refForName="TwoNodes_1"/>
          <dgm:constr type="l" for="ch" forName="TwoNodes_1_text" refType="r" refFor="ch" refForName="TwoConn_1-2"/>
          <dgm:constr type="lOff" for="ch" forName="TwoNodes_1_text" refType="w" refFor="ch" refForName="TwoConn_1-2" fact="0.5"/>
          <dgm:constr type="t" for="ch" forName="TwoNodes_1_text" refType="t" refFor="ch" refForName="TwoNodes_1"/>
          <dgm:constr type="b" for="ch" forName="TwoNodes_1_text" refType="b" refFor="ch" refForName="TwoNodes_1"/>
          <dgm:constr type="r" for="ch" forName="TwoNodes_1_text" refType="r" refFor="ch" refForName="TwoNodes_1"/>
          <dgm:constr type="l" for="ch" forName="TwoNodes_2_text" refType="r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r" for="ch" forName="TwoNodes_2_text" refType="r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r" for="ch" forName="ThreeNodes_1" refType="w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l" for="ch" forName="ThreeNodes_3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l" for="ch" forName="ThreeConn_1-2" refType="l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l" for="ch" forName="ThreeConn_2-3" refType="l" refFor="ch" refForName="ThreeNodes_2"/>
          <dgm:constr type="l" for="ch" forName="ThreeNodes_1_text" refType="r" refFor="ch" refForName="ThreeConn_1-2"/>
          <dgm:constr type="lOff" for="ch" forName="ThreeNodes_1_text" refType="w" refFor="ch" refForName="ThreeConn_1-2" fact="0.55"/>
          <dgm:constr type="t" for="ch" forName="ThreeNodes_1_text" refType="t" refFor="ch" refForName="ThreeNodes_1"/>
          <dgm:constr type="b" for="ch" forName="ThreeNodes_1_text" refType="b" refFor="ch" refForName="ThreeNodes_1"/>
          <dgm:constr type="r" for="ch" forName="ThreeNodes_1_text" refType="r" refFor="ch" refForName="ThreeNodes_1"/>
          <dgm:constr type="l" for="ch" forName="ThreeNodes_2_text" refType="r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r" for="ch" forName="ThreeNodes_2_text" refType="r" refFor="ch" refForName="ThreeNodes_2"/>
          <dgm:constr type="l" for="ch" forName="ThreeNodes_3_text" refType="r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r" for="ch" forName="ThreeNodes_3_text" refType="r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r" for="ch" forName="FourNodes_1" refType="w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533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467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l" for="ch" forName="FourNodes_4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l" for="ch" forName="FourConn_1-2" refType="l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l" for="ch" forName="FourConn_2-3" refType="l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l" for="ch" forName="FourConn_3-4" refType="l" refFor="ch" refForName="FourNodes_3"/>
          <dgm:constr type="l" for="ch" forName="FourNodes_1_text" refType="r" refFor="ch" refForName="FourConn_1-2"/>
          <dgm:constr type="lOff" for="ch" forName="FourNodes_1_text" refType="w" refFor="ch" refForName="FourConn_1-2" fact="0.69"/>
          <dgm:constr type="t" for="ch" forName="FourNodes_1_text" refType="t" refFor="ch" refForName="FourNodes_1"/>
          <dgm:constr type="b" for="ch" forName="FourNodes_1_text" refType="b" refFor="ch" refForName="FourNodes_1"/>
          <dgm:constr type="r" for="ch" forName="FourNodes_1_text" refType="r" refFor="ch" refForName="FourNodes_1"/>
          <dgm:constr type="l" for="ch" forName="FourNodes_2_text" refType="r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r" for="ch" forName="FourNodes_2_text" refType="r" refFor="ch" refForName="FourNodes_2"/>
          <dgm:constr type="l" for="ch" forName="FourNodes_3_text" refType="r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r" for="ch" forName="FourNodes_3_text" refType="r" refFor="ch" refForName="FourNodes_3"/>
          <dgm:constr type="l" for="ch" forName="FourNodes_4_text" refType="r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r" for="ch" forName="FourNodes_4_text" refType="r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r" for="ch" forName="FiveNodes_1" refType="w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557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442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l" for="ch" forName="FiveNodes_5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l" for="ch" forName="FiveConn_1-2" refType="l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l" for="ch" forName="FiveConn_2-3" refType="l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l" for="ch" forName="FiveConn_3-4" refType="l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l" for="ch" forName="FiveConn_4-5" refType="l" refFor="ch" refForName="FiveNodes_4"/>
          <dgm:constr type="l" for="ch" forName="FiveNodes_1_text" refType="r" refFor="ch" refForName="FiveConn_1-2"/>
          <dgm:constr type="lOff" for="ch" forName="FiveNodes_1_text" refType="w" refFor="ch" refForName="FiveConn_1-2" fact="0.73"/>
          <dgm:constr type="t" for="ch" forName="FiveNodes_1_text" refType="t" refFor="ch" refForName="FiveNodes_1"/>
          <dgm:constr type="b" for="ch" forName="FiveNodes_1_text" refType="b" refFor="ch" refForName="FiveNodes_1"/>
          <dgm:constr type="r" for="ch" forName="FiveNodes_1_text" refType="r" refFor="ch" refForName="FiveNodes_1"/>
          <dgm:constr type="l" for="ch" forName="FiveNodes_2_text" refType="r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r" for="ch" forName="FiveNodes_2_text" refType="r" refFor="ch" refForName="FiveNodes_2"/>
          <dgm:constr type="l" for="ch" forName="FiveNodes_3_text" refType="r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r" for="ch" forName="FiveNodes_3_text" refType="r" refFor="ch" refForName="FiveNodes_3"/>
          <dgm:constr type="l" for="ch" forName="FiveNodes_4_text" refType="r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r" for="ch" forName="FiveNodes_4_text" refType="r" refFor="ch" refForName="FiveNodes_4"/>
          <dgm:constr type="l" for="ch" forName="FiveNodes_5_text" refType="r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r" for="ch" forName="FiveNodes_5_text" refType="r" refFor="ch" refForName="FiveNodes_5"/>
        </dgm:constrLst>
      </dgm:else>
    </dgm:choose>
    <dgm:ruleLst/>
    <dgm:layoutNode name="dummyMaxCanvas">
      <dgm:varLst/>
      <dgm:alg type="sp"/>
      <dgm:shape xmlns:r="http://schemas.openxmlformats.org/officeDocument/2006/relationships" r:blip="">
        <dgm:adjLst/>
      </dgm:shape>
      <dgm:presOf/>
      <dgm:constrLst/>
      <dgm:ruleLst/>
    </dgm:layoutNode>
    <dgm:choose name="Name3">
      <dgm:if name="Name4" axis="ch" ptType="node" func="cnt" op="equ" val="1">
        <dgm:layoutNode name="OneNode_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ch desOrSelf" ptType="node node" st="1 1" cnt="1 0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if>
      <dgm:else name="Name5">
        <dgm:choose name="Name6">
          <dgm:if name="Name7" axis="ch" ptType="node" func="cnt" op="equ" val="2">
            <dgm:layoutNode name="TwoNodes_1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1 1" cnt="1 0"/>
              <dgm:constrLst/>
              <dgm:ruleLst/>
            </dgm:layoutNode>
            <dgm:layoutNode name="TwoNodes_2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2 1" cnt="1 0"/>
              <dgm:constrLst/>
              <dgm:ruleLst/>
            </dgm:layoutNode>
            <dgm:layoutNode name="TwoConn_1-2" styleLbl="fgAccFollowNode1">
              <dgm:varLst>
                <dgm:bulletEnabled val="1"/>
              </dgm:varLst>
              <dgm:alg type="tx"/>
              <dgm:shape xmlns:r="http://schemas.openxmlformats.org/officeDocument/2006/relationships" type="downArrow" r:blip="">
                <dgm:adjLst>
                  <dgm:adj idx="1" val="0.55"/>
                  <dgm:adj idx="2" val="0.45"/>
                </dgm:adjLst>
              </dgm:shape>
              <dgm:presOf axis="ch" ptType="sibTrans" cnt="1"/>
              <dgm:constrLst>
                <dgm:constr type="lMarg" refType="primFontSz" fact="0.1"/>
                <dgm:constr type="rMarg" refType="primFontSz" fact="0.1"/>
                <dgm:constr type="tMarg" refType="primFontSz" fact="0.1"/>
                <dgm:constr type="bMarg" refType="primFontSz" fact="0.1"/>
              </dgm:constrLst>
              <dgm:ruleLst>
                <dgm:rule type="primFontSz" val="5" fact="NaN" max="NaN"/>
              </dgm:ruleLst>
            </dgm:layoutNode>
            <dgm:layoutNode name="TwoNodes_1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1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  <dgm:layoutNode name="TwoNodes_2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2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8">
            <dgm:choose name="Name9">
              <dgm:if name="Name10" axis="ch" ptType="node" func="cnt" op="equ" val="3">
                <dgm:layoutNode name="ThreeNodes_1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1 1" cnt="1 0"/>
                  <dgm:constrLst/>
                  <dgm:ruleLst/>
                </dgm:layoutNode>
                <dgm:layoutNode name="ThreeNodes_2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2 1" cnt="1 0"/>
                  <dgm:constrLst/>
                  <dgm:ruleLst/>
                </dgm:layoutNode>
                <dgm:layoutNode name="ThreeNodes_3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3 1" cnt="1 0"/>
                  <dgm:constrLst/>
                  <dgm:ruleLst/>
                </dgm:layoutNode>
                <dgm:layoutNode name="ThreeConn_1-2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Conn_2-3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st="2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Nodes_1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1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2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2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3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3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</dgm:if>
              <dgm:else name="Name11">
                <dgm:choose name="Name12">
                  <dgm:if name="Name13" axis="ch" ptType="node" func="cnt" op="equ" val="4">
                    <dgm:layoutNode name="FourNodes_1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/>
                      <dgm:ruleLst/>
                    </dgm:layoutNode>
                    <dgm:layoutNode name="FourNodes_2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/>
                      <dgm:ruleLst/>
                    </dgm:layoutNode>
                    <dgm:layoutNode name="FourNodes_3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/>
                      <dgm:ruleLst/>
                    </dgm:layoutNode>
                    <dgm:layoutNode name="FourNodes_4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/>
                      <dgm:ruleLst/>
                    </dgm:layoutNode>
                    <dgm:layoutNode name="FourConn_1-2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2-3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2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3-4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3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1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2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3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4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if>
                  <dgm:else name="Name14">
                    <dgm:choose name="Name15">
                      <dgm:if name="Name16" axis="ch" ptType="node" func="cnt" op="gte" val="5">
                        <dgm:layoutNode name="FiveNodes_1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/>
                          <dgm:ruleLst/>
                        </dgm:layoutNode>
                        <dgm:layoutNode name="FiveNodes_2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/>
                          <dgm:ruleLst/>
                        </dgm:layoutNode>
                        <dgm:layoutNode name="FiveNodes_3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/>
                          <dgm:ruleLst/>
                        </dgm:layoutNode>
                        <dgm:layoutNode name="FiveNodes_4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/>
                          <dgm:ruleLst/>
                        </dgm:layoutNode>
                        <dgm:layoutNode name="FiveNodes_5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/>
                          <dgm:ruleLst/>
                        </dgm:layoutNode>
                        <dgm:layoutNode name="FiveConn_1-2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2-3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2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3-4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3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4-5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4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1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2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3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4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5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</dgm:if>
                      <dgm:else name="Name17"/>
                    </dgm:choose>
                  </dgm:else>
                </dgm:choose>
              </dgm:else>
            </dgm:choose>
          </dgm:else>
        </dgm:choose>
      </dgm:else>
    </dgm:choose>
  </dgm:layoutNode>
</dgm:layoutDef>
</file>

<file path=ppt/diagrams/layout10.xml><?xml version="1.0" encoding="utf-8"?>
<dgm:layoutDef xmlns:dgm="http://schemas.openxmlformats.org/drawingml/2006/diagram" xmlns:a="http://schemas.openxmlformats.org/drawingml/2006/main" uniqueId="urn:microsoft.com/office/officeart/2005/8/layout/process2">
  <dgm:title val=""/>
  <dgm:desc val=""/>
  <dgm:catLst>
    <dgm:cat type="process" pri="13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Flow">
    <dgm:varLst>
      <dgm:resizeHandles val="exact"/>
    </dgm:varLst>
    <dgm:alg type="lin">
      <dgm:param type="linDir" val="fromT"/>
    </dgm:alg>
    <dgm:shape xmlns:r="http://schemas.openxmlformats.org/officeDocument/2006/relationships" r:blip="">
      <dgm:adjLst/>
    </dgm:shape>
    <dgm:presOf/>
    <dgm:constrLst>
      <dgm:constr type="h" for="ch" ptType="node" refType="h"/>
      <dgm:constr type="h" for="ch" ptType="sibTrans" refType="h" refFor="ch" refPtType="node" fact="0.5"/>
      <dgm:constr type="w" for="ch" ptType="node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choose name="Name0">
          <dgm:if name="Name1" axis="root des" ptType="all node" func="maxDepth" op="gt" val="1">
            <dgm:alg type="tx">
              <dgm:param type="parTxLTRAlign" val="l"/>
              <dgm:param type="parTxRTLAlign" val="r"/>
              <dgm:param type="txAnchorVertCh" val="mid"/>
            </dgm:alg>
          </dgm:if>
          <dgm:else name="Name2">
            <dgm:alg type="tx"/>
          </dgm:else>
        </dgm:choose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w" refType="h" fact="1.8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18" fact="NaN" max="NaN"/>
          <dgm:rule type="w" val="NaN" fact="4" max="NaN"/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w" refType="h" fact="0.9"/>
            <dgm:constr type="connDist"/>
            <dgm:constr type="wArH" refType="w" fact="0.5"/>
            <dgm:constr type="hArH" refType="w"/>
            <dgm:constr type="stemThick" refType="w" fact="0.6"/>
            <dgm:constr type="begPad" refType="connDist" fact="0.125"/>
            <dgm:constr type="endPad" refType="connDist" fact="0.125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11.xml><?xml version="1.0" encoding="utf-8"?>
<dgm:layoutDef xmlns:dgm="http://schemas.openxmlformats.org/drawingml/2006/diagram" xmlns:a="http://schemas.openxmlformats.org/drawingml/2006/main" uniqueId="urn:microsoft.com/office/officeart/2005/8/layout/vList5">
  <dgm:title val=""/>
  <dgm:desc val=""/>
  <dgm:catLst>
    <dgm:cat type="list" pri="15000"/>
    <dgm:cat type="convert" pri="2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>
          <dgm:param type="linDir" val="fromT"/>
          <dgm:param type="nodeHorzAlign" val="l"/>
        </dgm:alg>
      </dgm:if>
      <dgm:else name="Name3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linNode" refType="h"/>
      <dgm:constr type="w" for="ch" forName="linNode" refType="w"/>
      <dgm:constr type="h" for="ch" forName="sp" refType="h" fact="0.05"/>
      <dgm:constr type="primFontSz" for="des" forName="parentText" op="equ" val="65"/>
      <dgm:constr type="secFontSz" for="des" forName="descendantText" op="equ"/>
    </dgm:constrLst>
    <dgm:ruleLst/>
    <dgm:forEach name="Name4" axis="ch" ptType="node">
      <dgm:layoutNode name="linNode">
        <dgm:choose name="Name5">
          <dgm:if name="Name6" func="var" arg="dir" op="equ" val="norm">
            <dgm:alg type="lin">
              <dgm:param type="linDir" val="fromL"/>
            </dgm:alg>
          </dgm:if>
          <dgm:else name="Name7">
            <dgm:alg type="lin">
              <dgm:param type="linDir" val="fromR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w" for="ch" forName="parentText" refType="w" fact="0.36"/>
          <dgm:constr type="w" for="ch" forName="descendantText" refType="w" fact="0.64"/>
          <dgm:constr type="h" for="ch" forName="parentText" refType="h"/>
          <dgm:constr type="h" for="ch" forName="descendantText" refType="h" refFor="ch" refForName="parentText" fact="0.8"/>
        </dgm:constrLst>
        <dgm:ruleLst/>
        <dgm:layoutNode name="parentText">
          <dgm:varLst>
            <dgm:chMax val="1"/>
            <dgm:bulletEnabled val="1"/>
          </dgm:varLst>
          <dgm:alg type="tx"/>
          <dgm:shape xmlns:r="http://schemas.openxmlformats.org/officeDocument/2006/relationships" type="roundRect" r:blip="" zOrderOff="3">
            <dgm:adjLst/>
          </dgm:shape>
          <dgm:presOf axis="self" ptType="node"/>
          <dgm:constrLst>
            <dgm:constr type="tMarg" refType="primFontSz" fact="0.15"/>
            <dgm:constr type="bMarg" refType="primFontSz" fact="0.15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8">
          <dgm:if name="Name9" axis="ch" ptType="node" func="cnt" op="gte" val="1">
            <dgm:layoutNode name="descendantText" styleLbl="alignAccFollowNode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choose name="Name10">
                <dgm:if name="Name11" func="var" arg="dir" op="equ" val="norm">
                  <dgm:shape xmlns:r="http://schemas.openxmlformats.org/officeDocument/2006/relationships" rot="90" type="round2SameRect" r:blip="">
                    <dgm:adjLst/>
                  </dgm:shape>
                </dgm:if>
                <dgm:else name="Name12">
                  <dgm:shape xmlns:r="http://schemas.openxmlformats.org/officeDocument/2006/relationships" rot="-90" type="round2SameRect" r:blip="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lMarg" refType="secFontSz" fact="0.3"/>
                <dgm:constr type="rMarg" refType="secFontSz" fact="0.3"/>
                <dgm:constr type="tMarg" refType="secFontSz" fact="0.15"/>
                <dgm:constr type="bMarg" refType="secFontSz" fact="0.15"/>
              </dgm:constrLst>
              <dgm:ruleLst>
                <dgm:rule type="secFontSz" val="5" fact="NaN" max="NaN"/>
              </dgm:ruleLst>
            </dgm:layoutNode>
          </dgm:if>
          <dgm:else name="Name13"/>
        </dgm:choose>
      </dgm:layoutNode>
      <dgm:forEach name="Name14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12.xml><?xml version="1.0" encoding="utf-8"?>
<dgm:layoutDef xmlns:dgm="http://schemas.openxmlformats.org/drawingml/2006/diagram" xmlns:a="http://schemas.openxmlformats.org/drawingml/2006/main" uniqueId="urn:microsoft.com/office/officeart/2005/8/layout/orgChart1">
  <dgm:title val=""/>
  <dgm:desc val=""/>
  <dgm:catLst>
    <dgm:cat type="hierarchy" pri="1000"/>
    <dgm:cat type="convert" pri="6000"/>
  </dgm:catLst>
  <dgm:sampData>
    <dgm:dataModel>
      <dgm:ptLst>
        <dgm:pt modelId="0" type="doc"/>
        <dgm:pt modelId="1">
          <dgm:prSet phldr="1"/>
        </dgm:pt>
        <dgm:pt modelId="2" type="asst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5" srcId="0" destId="1" srcOrd="0" destOrd="0"/>
        <dgm:cxn modelId="6" srcId="1" destId="2" srcOrd="0" destOrd="0"/>
        <dgm:cxn modelId="7" srcId="1" destId="3" srcOrd="1" destOrd="0"/>
        <dgm:cxn modelId="8" srcId="1" destId="4" srcOrd="2" destOrd="0"/>
        <dgm:cxn modelId="9" srcId="1" destId="5" srcOrd="3" destOrd="0"/>
      </dgm:cxnLst>
      <dgm:bg/>
      <dgm:whole/>
    </dgm:dataModel>
  </dgm:sampData>
  <dgm:styleData>
    <dgm:dataModel>
      <dgm:ptLst>
        <dgm:pt modelId="0" type="doc"/>
        <dgm:pt modelId="1"/>
        <dgm:pt modelId="12"/>
        <dgm:pt modelId="13"/>
      </dgm:ptLst>
      <dgm:cxnLst>
        <dgm:cxn modelId="2" srcId="0" destId="1" srcOrd="0" destOrd="0"/>
        <dgm:cxn modelId="16" srcId="1" destId="12" srcOrd="1" destOrd="0"/>
        <dgm:cxn modelId="17" srcId="1" destId="13" srcOrd="2" destOrd="0"/>
      </dgm:cxnLst>
      <dgm:bg/>
      <dgm:whole/>
    </dgm:dataModel>
  </dgm:styleData>
  <dgm:clrData>
    <dgm:dataModel>
      <dgm:ptLst>
        <dgm:pt modelId="0" type="doc"/>
        <dgm:pt modelId="1"/>
        <dgm:pt modelId="11" type="asst"/>
        <dgm:pt modelId="12"/>
        <dgm:pt modelId="13"/>
        <dgm:pt modelId="14"/>
      </dgm:ptLst>
      <dgm:cxnLst>
        <dgm:cxn modelId="2" srcId="0" destId="1" srcOrd="0" destOrd="0"/>
        <dgm:cxn modelId="15" srcId="1" destId="11" srcOrd="0" destOrd="0"/>
        <dgm:cxn modelId="16" srcId="1" destId="12" srcOrd="1" destOrd="0"/>
        <dgm:cxn modelId="17" srcId="1" destId="13" srcOrd="2" destOrd="0"/>
        <dgm:cxn modelId="18" srcId="1" destId="14" srcOrd="2" destOrd="0"/>
      </dgm:cxnLst>
      <dgm:bg/>
      <dgm:whole/>
    </dgm:dataModel>
  </dgm:clrData>
  <dgm:layoutNode name="hierChild1">
    <dgm:varLst>
      <dgm:orgChart val="1"/>
      <dgm:chPref val="1"/>
      <dgm:dir/>
      <dgm:animOne val="branch"/>
      <dgm:animLvl val="lvl"/>
      <dgm:resizeHandles/>
    </dgm:varLst>
    <dgm:choose name="Name0">
      <dgm:if name="Name1" func="var" arg="dir" op="equ" val="norm">
        <dgm:alg type="hierChild">
          <dgm:param type="linDir" val="fromL"/>
        </dgm:alg>
      </dgm:if>
      <dgm:else name="Name2">
        <dgm:alg type="hierChild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des" forName="rootComposite1" refType="w" fact="10"/>
      <dgm:constr type="h" for="des" forName="rootComposite1" refType="w" refFor="des" refForName="rootComposite1" fact="0.5"/>
      <dgm:constr type="w" for="des" forName="rootComposite" refType="w" fact="10"/>
      <dgm:constr type="h" for="des" forName="rootComposite" refType="w" refFor="des" refForName="rootComposite1" fact="0.5"/>
      <dgm:constr type="w" for="des" forName="rootComposite3" refType="w" fact="10"/>
      <dgm:constr type="h" for="des" forName="rootComposite3" refType="w" refFor="des" refForName="rootComposite1" fact="0.5"/>
      <dgm:constr type="primFontSz" for="des" ptType="node" op="equ"/>
      <dgm:constr type="sp" for="des" op="equ"/>
      <dgm:constr type="sp" for="des" forName="hierRoot1" refType="w" refFor="des" refForName="rootComposite1" fact="0.21"/>
      <dgm:constr type="sp" for="des" forName="hierRoot2" refType="sp" refFor="des" refForName="hierRoot1"/>
      <dgm:constr type="sp" for="des" forName="hierRoot3" refType="sp" refFor="des" refForName="hierRoot1"/>
      <dgm:constr type="sibSp" refType="w" refFor="des" refForName="rootComposite1" fact="0.21"/>
      <dgm:constr type="sibSp" for="des" forName="hierChild2" refType="sibSp"/>
      <dgm:constr type="sibSp" for="des" forName="hierChild3" refType="sibSp"/>
      <dgm:constr type="sibSp" for="des" forName="hierChild4" refType="sibSp"/>
      <dgm:constr type="sibSp" for="des" forName="hierChild5" refType="sibSp"/>
      <dgm:constr type="sibSp" for="des" forName="hierChild6" refType="sibSp"/>
      <dgm:constr type="sibSp" for="des" forName="hierChild7" refType="sibSp"/>
      <dgm:constr type="secSibSp" refType="w" refFor="des" refForName="rootComposite1" fact="0.21"/>
      <dgm:constr type="secSibSp" for="des" forName="hierChild2" refType="secSibSp"/>
      <dgm:constr type="secSibSp" for="des" forName="hierChild3" refType="secSibSp"/>
      <dgm:constr type="secSibSp" for="des" forName="hierChild4" refType="secSibSp"/>
      <dgm:constr type="secSibSp" for="des" forName="hierChild5" refType="secSibSp"/>
      <dgm:constr type="secSibSp" for="des" forName="hierChild6" refType="secSibSp"/>
      <dgm:constr type="secSibSp" for="des" forName="hierChild7" refType="secSibSp"/>
    </dgm:constrLst>
    <dgm:ruleLst/>
    <dgm:forEach name="Name3" axis="ch">
      <dgm:forEach name="Name4" axis="self" ptType="node">
        <dgm:layoutNode name="hierRoot1">
          <dgm:varLst>
            <dgm:hierBranch val="init"/>
          </dgm:varLst>
          <dgm:choose name="Name5">
            <dgm:if name="Name6" func="var" arg="hierBranch" op="equ" val="l">
              <dgm:choose name="Name7">
                <dgm:if name="Name8" axis="ch" ptType="asst" func="cnt" op="gte" val="1">
                  <dgm:alg type="hierRoot">
                    <dgm:param type="hierAlign" val="tR"/>
                  </dgm:alg>
                  <dgm:constrLst>
                    <dgm:constr type="alignOff" val="0.65"/>
                  </dgm:constrLst>
                </dgm:if>
                <dgm:else name="Name9">
                  <dgm:alg type="hierRoot">
                    <dgm:param type="hierAlign" val="tR"/>
                  </dgm:alg>
                  <dgm:constrLst>
                    <dgm:constr type="alignOff" val="0.25"/>
                  </dgm:constrLst>
                </dgm:else>
              </dgm:choose>
            </dgm:if>
            <dgm:if name="Name10" func="var" arg="hierBranch" op="equ" val="r">
              <dgm:choose name="Name11">
                <dgm:if name="Name12" axis="ch" ptType="asst" func="cnt" op="gte" val="1">
                  <dgm:alg type="hierRoot">
                    <dgm:param type="hierAlign" val="tL"/>
                  </dgm:alg>
                  <dgm:constrLst>
                    <dgm:constr type="alignOff" val="0.65"/>
                  </dgm:constrLst>
                </dgm:if>
                <dgm:else name="Name13">
                  <dgm:alg type="hierRoot">
                    <dgm:param type="hierAlign" val="tL"/>
                  </dgm:alg>
                  <dgm:constrLst>
                    <dgm:constr type="alignOff" val="0.25"/>
                  </dgm:constrLst>
                </dgm:else>
              </dgm:choose>
            </dgm:if>
            <dgm:if name="Name14" func="var" arg="hierBranch" op="equ" val="hang">
              <dgm:alg type="hierRoot"/>
              <dgm:constrLst>
                <dgm:constr type="alignOff" val="0.65"/>
              </dgm:constrLst>
            </dgm:if>
            <dgm:else name="Name15">
              <dgm:alg type="hierRoot"/>
              <dgm:constrLst>
                <dgm:constr type="alignOff"/>
                <dgm:constr type="bendDist" for="des" ptType="parTrans" refType="sp" fact="0.5"/>
              </dgm:constrLst>
            </dgm:else>
          </dgm:choose>
          <dgm:shape xmlns:r="http://schemas.openxmlformats.org/officeDocument/2006/relationships" r:blip="">
            <dgm:adjLst/>
          </dgm:shape>
          <dgm:presOf/>
          <dgm:ruleLst/>
          <dgm:layoutNode name="rootComposite1">
            <dgm:alg type="composite"/>
            <dgm:shape xmlns:r="http://schemas.openxmlformats.org/officeDocument/2006/relationships" r:blip="">
              <dgm:adjLst/>
            </dgm:shape>
            <dgm:presOf axis="self" ptType="node" cnt="1"/>
            <dgm:choose name="Name16">
              <dgm:if name="Name17" func="var" arg="hierBranch" op="equ" val="init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8" func="var" arg="hierBranch" op="equ" val="l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9" func="var" arg="hierBranch" op="equ" val="r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else name="Name20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else>
            </dgm:choose>
            <dgm:ruleLst/>
            <dgm:layoutNode name="rootText1" styleLbl="node0">
              <dgm:varLst>
                <dgm:chPref val="3"/>
              </dgm:varLst>
              <dgm:alg type="tx"/>
              <dgm:shape xmlns:r="http://schemas.openxmlformats.org/officeDocument/2006/relationships" type="rect" r:blip="">
                <dgm:adjLst/>
              </dgm:shape>
              <dgm:presOf axis="self" ptType="node" cnt="1"/>
              <dgm:constrLst>
                <dgm:constr type="primFontSz" val="65"/>
                <dgm:constr type="lMarg" refType="primFontSz" fact="0.05"/>
                <dgm:constr type="rMarg" refType="primFontSz" fact="0.05"/>
                <dgm:constr type="tMarg" refType="primFontSz" fact="0.05"/>
                <dgm:constr type="bMarg" refType="primFontSz" fact="0.05"/>
              </dgm:constrLst>
              <dgm:ruleLst>
                <dgm:rule type="primFontSz" val="5" fact="NaN" max="NaN"/>
              </dgm:ruleLst>
            </dgm:layoutNode>
            <dgm:layoutNode name="rootConnector1" moveWith="rootText1">
              <dgm:alg type="sp"/>
              <dgm:shape xmlns:r="http://schemas.openxmlformats.org/officeDocument/2006/relationships" type="rect" r:blip="" hideGeom="1">
                <dgm:adjLst/>
              </dgm:shape>
              <dgm:presOf axis="self" ptType="node" cnt="1"/>
              <dgm:constrLst/>
              <dgm:ruleLst/>
            </dgm:layoutNode>
          </dgm:layoutNode>
          <dgm:layoutNode name="hierChild2">
            <dgm:choose name="Name21">
              <dgm:if name="Name22" func="var" arg="hierBranch" op="equ" val="l">
                <dgm:alg type="hierChild">
                  <dgm:param type="chAlign" val="r"/>
                  <dgm:param type="linDir" val="fromT"/>
                </dgm:alg>
              </dgm:if>
              <dgm:if name="Name23" func="var" arg="hierBranch" op="equ" val="r">
                <dgm:alg type="hierChild">
                  <dgm:param type="chAlign" val="l"/>
                  <dgm:param type="linDir" val="fromT"/>
                </dgm:alg>
              </dgm:if>
              <dgm:if name="Name24" func="var" arg="hierBranch" op="equ" val="hang">
                <dgm:choose name="Name25">
                  <dgm:if name="Name26" func="var" arg="dir" op="equ" val="norm">
                    <dgm:alg type="hierChild">
                      <dgm:param type="chAlign" val="l"/>
                      <dgm:param type="linDir" val="fromL"/>
                      <dgm:param type="secChAlign" val="t"/>
                      <dgm:param type="secLinDir" val="fromT"/>
                    </dgm:alg>
                  </dgm:if>
                  <dgm:else name="Name27">
                    <dgm:alg type="hierChild">
                      <dgm:param type="chAlign" val="l"/>
                      <dgm:param type="linDir" val="fromR"/>
                      <dgm:param type="secChAlign" val="t"/>
                      <dgm:param type="secLinDir" val="fromT"/>
                    </dgm:alg>
                  </dgm:else>
                </dgm:choose>
              </dgm:if>
              <dgm:else name="Name28">
                <dgm:choose name="Name29">
                  <dgm:if name="Name30" func="var" arg="dir" op="equ" val="norm">
                    <dgm:alg type="hierChild"/>
                  </dgm:if>
                  <dgm:else name="Name31">
                    <dgm:alg type="hierChild">
                      <dgm:param type="linDir" val="fromR"/>
                    </dgm:alg>
                  </dgm:else>
                </dgm:choose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a" axis="ch" ptType="nonAsst">
              <dgm:forEach name="Name32" axis="precedSib" ptType="parTrans" st="-1" cnt="1">
                <dgm:choose name="Name33">
                  <dgm:if name="Name34" func="var" arg="hierBranch" op="equ" val="std">
                    <dgm:layoutNode name="Name35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tCtr"/>
                        <dgm:param type="bendPt" val="end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36" func="var" arg="hierBranch" op="equ" val="init">
                    <dgm:layoutNode name="Name37">
                      <dgm:choose name="Name38">
                        <dgm:if name="Name39" axis="self" func="depth" op="lte" val="2">
                          <dgm:alg type="conn">
                            <dgm:param type="connRout" val="bend"/>
                            <dgm:param type="dim" val="1D"/>
                            <dgm:param type="endSty" val="noArr"/>
                            <dgm:param type="begPts" val="bCtr"/>
                            <dgm:param type="endPts" val="tCtr"/>
                            <dgm:param type="bendPt" val="end"/>
                          </dgm:alg>
                        </dgm:if>
                        <dgm:else name="Name40">
                          <dgm:choose name="Name41">
                            <dgm:if name="Name42" axis="par des" func="maxDepth" op="lte" val="1">
                              <dgm:choose name="Name43">
                                <dgm:if name="Name44" axis="par ch" ptType="node asst" func="cnt" op="gte" val="1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</dgm:alg>
                                </dgm:if>
                                <dgm:else name="Name45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  <dgm:param type="srcNode" val="rootConnector"/>
                                  </dgm:alg>
                                </dgm:else>
                              </dgm:choose>
                            </dgm:if>
                            <dgm:else name="Name46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tCtr"/>
                                <dgm:param type="bendPt" val="end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47" func="var" arg="hierBranch" op="equ" val="hang">
                    <dgm:layoutNode name="Name48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midL midR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else name="Name49">
                    <dgm:layoutNode name="Name50">
                      <dgm:choose name="Name51">
                        <dgm:if name="Name52" axis="self" func="depth" op="lte" val="2">
                          <dgm:choose name="Name53">
                            <dgm:if name="Name54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5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1"/>
                              </dgm:alg>
                            </dgm:else>
                          </dgm:choose>
                        </dgm:if>
                        <dgm:else name="Name56">
                          <dgm:choose name="Name57">
                            <dgm:if name="Name58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9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else>
                </dgm:choose>
              </dgm:forEach>
              <dgm:layoutNode name="hierRoot2">
                <dgm:varLst>
                  <dgm:hierBranch val="init"/>
                </dgm:varLst>
                <dgm:choose name="Name60">
                  <dgm:if name="Name61" func="var" arg="hierBranch" op="equ" val="l">
                    <dgm:choose name="Name62">
                      <dgm:if name="Name63" axis="ch" ptType="asst" func="cnt" op="gte" val="1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4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5" func="var" arg="hierBranch" op="equ" val="r">
                    <dgm:choose name="Name66">
                      <dgm:if name="Name67" axis="ch" ptType="asst" func="cnt" op="g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8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9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70" func="var" arg="hierBranch" op="equ" val="init">
                    <dgm:choose name="Name71">
                      <dgm:if name="Name72" axis="des" func="maxDepth" op="lte" val="1">
                        <dgm:choose name="Name73">
                          <dgm:if name="Name74" axis="ch" ptType="asst" func="cnt" op="gte" val="1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65"/>
                            </dgm:constrLst>
                          </dgm:if>
                          <dgm:else name="Name75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25"/>
                            </dgm:constrLst>
                          </dgm:else>
                        </dgm:choose>
                      </dgm:if>
                      <dgm:else name="Name76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77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else>
                </dgm:choose>
                <dgm:ruleLst/>
                <dgm:layoutNode name="rootComposite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78">
                    <dgm:if name="Name79" func="var" arg="hierBranch" op="equ" val="init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0" func="var" arg="hierBranch" op="equ" val="l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1" func="var" arg="hierBranch" op="equ" val="r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else name="Name82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else>
                  </dgm:choose>
                  <dgm:ruleLst/>
                  <dgm:layoutNode name="rootText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" moveWith="rootText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4">
                  <dgm:choose name="Name83">
                    <dgm:if name="Name84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85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86" func="var" arg="hierBranch" op="equ" val="hang">
                      <dgm:choose name="Name87">
                        <dgm:if name="Name88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89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90" func="var" arg="hierBranch" op="equ" val="std">
                      <dgm:choose name="Name91">
                        <dgm:if name="Name92" func="var" arg="dir" op="equ" val="norm">
                          <dgm:alg type="hierChild"/>
                        </dgm:if>
                        <dgm:else name="Name93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94" func="var" arg="hierBranch" op="equ" val="init">
                      <dgm:choose name="Name95">
                        <dgm:if name="Name96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97">
                          <dgm:choose name="Name98">
                            <dgm:if name="Name99" func="var" arg="dir" op="equ" val="norm">
                              <dgm:alg type="hierChild"/>
                            </dgm:if>
                            <dgm:else name="Name100">
                              <dgm:alg type="hierChild">
                                <dgm:param type="linDir" val="fromR"/>
                              </dgm:alg>
                            </dgm:else>
                          </dgm:choose>
                        </dgm:else>
                      </dgm:choose>
                    </dgm:if>
                    <dgm:else name="Name101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2" ref="rep2a"/>
                </dgm:layoutNode>
                <dgm:layoutNode name="hierChild5">
                  <dgm:choose name="Name103">
                    <dgm:if name="Name104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05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6" ref="rep2b"/>
                </dgm:layoutNode>
              </dgm:layoutNode>
            </dgm:forEach>
          </dgm:layoutNode>
          <dgm:layoutNode name="hierChild3">
            <dgm:choose name="Name107">
              <dgm:if name="Name108" func="var" arg="dir" op="equ" val="norm">
                <dgm:alg type="hierChild">
                  <dgm:param type="chAlign" val="l"/>
                  <dgm:param type="linDir" val="fromL"/>
                  <dgm:param type="secChAlign" val="t"/>
                  <dgm:param type="secLinDir" val="fromT"/>
                </dgm:alg>
              </dgm:if>
              <dgm:else name="Name109">
                <dgm:alg type="hierChild">
                  <dgm:param type="chAlign" val="l"/>
                  <dgm:param type="linDir" val="fromR"/>
                  <dgm:param type="secChAlign" val="t"/>
                  <dgm:param type="secLinDir" val="fromT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b" axis="ch" ptType="asst">
              <dgm:forEach name="Name110" axis="precedSib" ptType="parTrans" st="-1" cnt="1">
                <dgm:layoutNode name="Name111">
                  <dgm:alg type="conn">
                    <dgm:param type="connRout" val="bend"/>
                    <dgm:param type="dim" val="1D"/>
                    <dgm:param type="endSty" val="noArr"/>
                    <dgm:param type="begPts" val="bCtr"/>
                    <dgm:param type="endPts" val="midL midR"/>
                  </dgm:alg>
                  <dgm:shape xmlns:r="http://schemas.openxmlformats.org/officeDocument/2006/relationships" type="conn" r:blip="" zOrderOff="-99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  <dgm:layoutNode name="hierRoot3">
                <dgm:varLst>
                  <dgm:hierBranch val="init"/>
                </dgm:varLst>
                <dgm:choose name="Name112">
                  <dgm:if name="Name113" func="var" arg="hierBranch" op="equ" val="l">
                    <dgm:alg type="hierRoot">
                      <dgm:param type="hierAlign" val="tR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4" func="var" arg="hierBranch" op="equ" val="r">
                    <dgm:alg type="hierRoot">
                      <dgm:param type="hierAlign" val="tL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5" func="var" arg="hierBranch" op="equ" val="hang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6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117" func="var" arg="hierBranch" op="equ" val="init">
                    <dgm:choose name="Name118">
                      <dgm:if name="Name119" axis="des" func="maxDepth" op="l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120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121"/>
                </dgm:choose>
                <dgm:ruleLst/>
                <dgm:layoutNode name="rootComposite3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122">
                    <dgm:if name="Name123" func="var" arg="hierBranch" op="equ" val="init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4" func="var" arg="hierBranch" op="equ" val="l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5" func="var" arg="hierBranch" op="equ" val="r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else name="Name126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else>
                  </dgm:choose>
                  <dgm:ruleLst/>
                  <dgm:layoutNode name="rootText3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3" moveWith="rootText1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6">
                  <dgm:choose name="Name127">
                    <dgm:if name="Name128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129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130" func="var" arg="hierBranch" op="equ" val="hang">
                      <dgm:choose name="Name131">
                        <dgm:if name="Name132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133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134" func="var" arg="hierBranch" op="equ" val="std">
                      <dgm:choose name="Name135">
                        <dgm:if name="Name136" func="var" arg="dir" op="equ" val="norm">
                          <dgm:alg type="hierChild"/>
                        </dgm:if>
                        <dgm:else name="Name137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138" func="var" arg="hierBranch" op="equ" val="init">
                      <dgm:choose name="Name139">
                        <dgm:if name="Name140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141">
                          <dgm:alg type="hierChild"/>
                        </dgm:else>
                      </dgm:choose>
                    </dgm:if>
                    <dgm:else name="Name142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3" ref="rep2a"/>
                </dgm:layoutNode>
                <dgm:layoutNode name="hierChild7">
                  <dgm:choose name="Name144">
                    <dgm:if name="Name145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46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7" ref="rep2b"/>
                </dgm:layoutNode>
              </dgm:layoutNode>
            </dgm:forEach>
          </dgm:layoutNode>
        </dgm:layoutNode>
      </dgm:forEach>
    </dgm:forEach>
  </dgm:layoutNode>
</dgm:layoutDef>
</file>

<file path=ppt/diagrams/layout13.xml><?xml version="1.0" encoding="utf-8"?>
<dgm:layoutDef xmlns:dgm="http://schemas.openxmlformats.org/drawingml/2006/diagram" xmlns:a="http://schemas.openxmlformats.org/drawingml/2006/main" uniqueId="urn:microsoft.com/office/officeart/2005/8/layout/vList5">
  <dgm:title val=""/>
  <dgm:desc val=""/>
  <dgm:catLst>
    <dgm:cat type="list" pri="15000"/>
    <dgm:cat type="convert" pri="2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>
          <dgm:param type="linDir" val="fromT"/>
          <dgm:param type="nodeHorzAlign" val="l"/>
        </dgm:alg>
      </dgm:if>
      <dgm:else name="Name3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linNode" refType="h"/>
      <dgm:constr type="w" for="ch" forName="linNode" refType="w"/>
      <dgm:constr type="h" for="ch" forName="sp" refType="h" fact="0.05"/>
      <dgm:constr type="primFontSz" for="des" forName="parentText" op="equ" val="65"/>
      <dgm:constr type="secFontSz" for="des" forName="descendantText" op="equ"/>
    </dgm:constrLst>
    <dgm:ruleLst/>
    <dgm:forEach name="Name4" axis="ch" ptType="node">
      <dgm:layoutNode name="linNode">
        <dgm:choose name="Name5">
          <dgm:if name="Name6" func="var" arg="dir" op="equ" val="norm">
            <dgm:alg type="lin">
              <dgm:param type="linDir" val="fromL"/>
            </dgm:alg>
          </dgm:if>
          <dgm:else name="Name7">
            <dgm:alg type="lin">
              <dgm:param type="linDir" val="fromR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w" for="ch" forName="parentText" refType="w" fact="0.36"/>
          <dgm:constr type="w" for="ch" forName="descendantText" refType="w" fact="0.64"/>
          <dgm:constr type="h" for="ch" forName="parentText" refType="h"/>
          <dgm:constr type="h" for="ch" forName="descendantText" refType="h" refFor="ch" refForName="parentText" fact="0.8"/>
        </dgm:constrLst>
        <dgm:ruleLst/>
        <dgm:layoutNode name="parentText">
          <dgm:varLst>
            <dgm:chMax val="1"/>
            <dgm:bulletEnabled val="1"/>
          </dgm:varLst>
          <dgm:alg type="tx"/>
          <dgm:shape xmlns:r="http://schemas.openxmlformats.org/officeDocument/2006/relationships" type="roundRect" r:blip="" zOrderOff="3">
            <dgm:adjLst/>
          </dgm:shape>
          <dgm:presOf axis="self" ptType="node"/>
          <dgm:constrLst>
            <dgm:constr type="tMarg" refType="primFontSz" fact="0.15"/>
            <dgm:constr type="bMarg" refType="primFontSz" fact="0.15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8">
          <dgm:if name="Name9" axis="ch" ptType="node" func="cnt" op="gte" val="1">
            <dgm:layoutNode name="descendantText" styleLbl="alignAccFollowNode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choose name="Name10">
                <dgm:if name="Name11" func="var" arg="dir" op="equ" val="norm">
                  <dgm:shape xmlns:r="http://schemas.openxmlformats.org/officeDocument/2006/relationships" rot="90" type="round2SameRect" r:blip="">
                    <dgm:adjLst/>
                  </dgm:shape>
                </dgm:if>
                <dgm:else name="Name12">
                  <dgm:shape xmlns:r="http://schemas.openxmlformats.org/officeDocument/2006/relationships" rot="-90" type="round2SameRect" r:blip="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lMarg" refType="secFontSz" fact="0.3"/>
                <dgm:constr type="rMarg" refType="secFontSz" fact="0.3"/>
                <dgm:constr type="tMarg" refType="secFontSz" fact="0.15"/>
                <dgm:constr type="bMarg" refType="secFontSz" fact="0.15"/>
              </dgm:constrLst>
              <dgm:ruleLst>
                <dgm:rule type="secFontSz" val="5" fact="NaN" max="NaN"/>
              </dgm:ruleLst>
            </dgm:layoutNode>
          </dgm:if>
          <dgm:else name="Name13"/>
        </dgm:choose>
      </dgm:layoutNode>
      <dgm:forEach name="Name14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14.xml><?xml version="1.0" encoding="utf-8"?>
<dgm:layoutDef xmlns:dgm="http://schemas.openxmlformats.org/drawingml/2006/diagram" xmlns:a="http://schemas.openxmlformats.org/drawingml/2006/main" uniqueId="urn:microsoft.com/office/officeart/2005/8/layout/vList5">
  <dgm:title val=""/>
  <dgm:desc val=""/>
  <dgm:catLst>
    <dgm:cat type="list" pri="15000"/>
    <dgm:cat type="convert" pri="2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>
          <dgm:param type="linDir" val="fromT"/>
          <dgm:param type="nodeHorzAlign" val="l"/>
        </dgm:alg>
      </dgm:if>
      <dgm:else name="Name3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linNode" refType="h"/>
      <dgm:constr type="w" for="ch" forName="linNode" refType="w"/>
      <dgm:constr type="h" for="ch" forName="sp" refType="h" fact="0.05"/>
      <dgm:constr type="primFontSz" for="des" forName="parentText" op="equ" val="65"/>
      <dgm:constr type="secFontSz" for="des" forName="descendantText" op="equ"/>
    </dgm:constrLst>
    <dgm:ruleLst/>
    <dgm:forEach name="Name4" axis="ch" ptType="node">
      <dgm:layoutNode name="linNode">
        <dgm:choose name="Name5">
          <dgm:if name="Name6" func="var" arg="dir" op="equ" val="norm">
            <dgm:alg type="lin">
              <dgm:param type="linDir" val="fromL"/>
            </dgm:alg>
          </dgm:if>
          <dgm:else name="Name7">
            <dgm:alg type="lin">
              <dgm:param type="linDir" val="fromR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w" for="ch" forName="parentText" refType="w" fact="0.36"/>
          <dgm:constr type="w" for="ch" forName="descendantText" refType="w" fact="0.64"/>
          <dgm:constr type="h" for="ch" forName="parentText" refType="h"/>
          <dgm:constr type="h" for="ch" forName="descendantText" refType="h" refFor="ch" refForName="parentText" fact="0.8"/>
        </dgm:constrLst>
        <dgm:ruleLst/>
        <dgm:layoutNode name="parentText">
          <dgm:varLst>
            <dgm:chMax val="1"/>
            <dgm:bulletEnabled val="1"/>
          </dgm:varLst>
          <dgm:alg type="tx"/>
          <dgm:shape xmlns:r="http://schemas.openxmlformats.org/officeDocument/2006/relationships" type="roundRect" r:blip="" zOrderOff="3">
            <dgm:adjLst/>
          </dgm:shape>
          <dgm:presOf axis="self" ptType="node"/>
          <dgm:constrLst>
            <dgm:constr type="tMarg" refType="primFontSz" fact="0.15"/>
            <dgm:constr type="bMarg" refType="primFontSz" fact="0.15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8">
          <dgm:if name="Name9" axis="ch" ptType="node" func="cnt" op="gte" val="1">
            <dgm:layoutNode name="descendantText" styleLbl="alignAccFollowNode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choose name="Name10">
                <dgm:if name="Name11" func="var" arg="dir" op="equ" val="norm">
                  <dgm:shape xmlns:r="http://schemas.openxmlformats.org/officeDocument/2006/relationships" rot="90" type="round2SameRect" r:blip="">
                    <dgm:adjLst/>
                  </dgm:shape>
                </dgm:if>
                <dgm:else name="Name12">
                  <dgm:shape xmlns:r="http://schemas.openxmlformats.org/officeDocument/2006/relationships" rot="-90" type="round2SameRect" r:blip="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lMarg" refType="secFontSz" fact="0.3"/>
                <dgm:constr type="rMarg" refType="secFontSz" fact="0.3"/>
                <dgm:constr type="tMarg" refType="secFontSz" fact="0.15"/>
                <dgm:constr type="bMarg" refType="secFontSz" fact="0.15"/>
              </dgm:constrLst>
              <dgm:ruleLst>
                <dgm:rule type="secFontSz" val="5" fact="NaN" max="NaN"/>
              </dgm:ruleLst>
            </dgm:layoutNode>
          </dgm:if>
          <dgm:else name="Name13"/>
        </dgm:choose>
      </dgm:layoutNode>
      <dgm:forEach name="Name14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15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16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List3">
  <dgm:title val=""/>
  <dgm:desc val=""/>
  <dgm:catLst>
    <dgm:cat type="list" pri="14000"/>
    <dgm:cat type="convert" pri="3000"/>
    <dgm:cat type="picture" pri="27000"/>
    <dgm:cat type="pictureconvert" pri="27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Flow">
    <dgm:varLst>
      <dgm:dir/>
      <dgm:resizeHandles val="exact"/>
    </dgm:varLst>
    <dgm:alg type="lin">
      <dgm:param type="linDir" val="fromT"/>
      <dgm:param type="vertAlign" val="mid"/>
      <dgm:param type="horzAlign" val="ctr"/>
    </dgm:alg>
    <dgm:shape xmlns:r="http://schemas.openxmlformats.org/officeDocument/2006/relationships" r:blip="">
      <dgm:adjLst/>
    </dgm:shape>
    <dgm:presOf/>
    <dgm:constrLst>
      <dgm:constr type="w" for="ch" forName="composite" refType="w"/>
      <dgm:constr type="h" for="ch" forName="composite" refType="h"/>
      <dgm:constr type="h" for="ch" forName="spacing" refType="h" refFor="ch" refForName="composite" fact="0.25"/>
      <dgm:constr type="h" for="ch" forName="spacing" refType="w" op="lte" fact="0.1"/>
      <dgm:constr type="primFontSz" for="des" ptType="node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l" for="ch" forName="imgShp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l" for="ch" forName="txShp" refType="w" refFor="ch" refForName="imgShp" fact="0.5"/>
              <dgm:constr type="lMarg" for="ch" forName="txShp" refType="w" refFor="ch" refForName="imgShp" fact="1.25"/>
            </dgm:constrLst>
          </dgm:if>
          <dgm:else name="Name3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r" for="ch" forName="imgShp" refType="w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r" for="ch" forName="txShp" refType="ctrX" refFor="ch" refForName="imgShp"/>
              <dgm:constr type="rMarg" for="ch" forName="txShp" refType="w" refFor="ch" refForName="imgShp" fact="1.25"/>
            </dgm:constrLst>
          </dgm:else>
        </dgm:choose>
        <dgm:ruleLst/>
        <dgm:layoutNode name="imgShp" styleLbl="fgImgPlace1">
          <dgm:alg type="sp"/>
          <dgm:shape xmlns:r="http://schemas.openxmlformats.org/officeDocument/2006/relationships" type="ellipse" r:blip="" blipPhldr="1">
            <dgm:adjLst/>
          </dgm:shape>
          <dgm:presOf/>
          <dgm:constrLst/>
          <dgm:ruleLst/>
        </dgm:layoutNode>
        <dgm:layoutNode name="txShp">
          <dgm:varLst>
            <dgm:bulletEnabled val="1"/>
          </dgm:varLst>
          <dgm:alg type="tx"/>
          <dgm:choose name="Name4">
            <dgm:if name="Name5" func="var" arg="dir" op="equ" val="norm">
              <dgm:shape xmlns:r="http://schemas.openxmlformats.org/officeDocument/2006/relationships" rot="180" type="homePlate" r:blip="" zOrderOff="-1">
                <dgm:adjLst/>
              </dgm:shape>
            </dgm:if>
            <dgm:else name="Name6">
              <dgm:shape xmlns:r="http://schemas.openxmlformats.org/officeDocument/2006/relationships" type="homePlate" r:blip="" zOrderOff="-1">
                <dgm:adjLst/>
              </dgm:shape>
            </dgm:else>
          </dgm:choose>
          <dgm:presOf axis="desOrSelf" ptType="node"/>
          <dgm:constrLst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layoutNode>
      <dgm:forEach name="Name7" axis="followSib" ptType="sibTrans" cnt="1">
        <dgm:layoutNode name="spacing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8/layout/VerticalCurvedList">
  <dgm:title val=""/>
  <dgm:desc val=""/>
  <dgm:catLst>
    <dgm:cat type="list" pri="20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2">
          <dgm:prSet phldr="1"/>
        </dgm:pt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chMax val="7"/>
      <dgm:chPref val="7"/>
      <dgm:dir/>
    </dgm:varLst>
    <dgm:alg type="composite"/>
    <dgm:shape xmlns:r="http://schemas.openxmlformats.org/officeDocument/2006/relationships" r:blip="">
      <dgm:adjLst/>
    </dgm:shape>
    <dgm:constrLst>
      <dgm:constr type="w" for="ch" refType="h" refFor="ch" op="gte" fact="0.8"/>
    </dgm:constrLst>
    <dgm:layoutNode name="Name1">
      <dgm:alg type="composite"/>
      <dgm:shape xmlns:r="http://schemas.openxmlformats.org/officeDocument/2006/relationships" r:blip="">
        <dgm:adjLst/>
      </dgm:shape>
      <dgm:choose name="Name2">
        <dgm:if name="Name3" func="var" arg="dir" op="equ" val="norm">
          <dgm:choose name="Name4">
            <dgm:if name="Name5" axis="ch" ptType="node" func="cnt" op="equ" val="1">
              <dgm:constrLst>
                <dgm:constr type="h" for="ch" forName="cycle" refType="h"/>
                <dgm:constr type="w" for="ch" forName="cycle" refType="h" refFor="ch" refForName="cycle" fact="0.26"/>
                <dgm:constr type="l" for="ch" forName="cycle"/>
                <dgm:constr type="ctrY" for="ch" forName="cycle" refType="h" fact="0.5"/>
                <dgm:constr type="diam" for="ch" forName="cycle" refType="h" fact="1.344"/>
                <dgm:constr type="h" for="ch" forName="accent_1" refType="h" fact="0.625"/>
                <dgm:constr type="w" for="ch" forName="accent_1" refType="h" refFor="ch" refForName="accent_1" op="equ"/>
                <dgm:constr type="ctrY" for="ch" forName="accent_1" refType="h" fact="0.5"/>
                <dgm:constr type="ctrX" for="ch" forName="accent_1" refType="h" fact="0.2253"/>
                <dgm:constr type="l" for="ch" forName="text_1" refType="ctrX" refFor="ch" refForName="accent_1"/>
                <dgm:constr type="r" for="ch" forName="text_1" refType="w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lMarg" for="ch" forName="text_1" refType="w" refFor="ch" refForName="accent_1" fact="1.8"/>
                <dgm:constr type="primFontSz" for="ch" ptType="node" op="equ" val="65"/>
              </dgm:constrLst>
            </dgm:if>
            <dgm:if name="Name6" axis="ch" ptType="node" func="cnt" op="equ" val="2">
              <dgm:constrLst>
                <dgm:constr type="h" for="ch" forName="cycle" refType="h"/>
                <dgm:constr type="w" for="ch" forName="cycle" refType="h" refFor="ch" refForName="cycle" fact="0.26"/>
                <dgm:constr type="l" for="ch" forName="cycle"/>
                <dgm:constr type="ctrY" for="ch" forName="cycle" refType="h" fact="0.5"/>
                <dgm:constr type="diam" for="ch" forName="cycle" refType="h" fact="1.344"/>
                <dgm:constr type="h" for="ch" forName="accent_1" refType="h" fact="0.3571"/>
                <dgm:constr type="w" for="ch" forName="accent_1" refType="h" refFor="ch" refForName="accent_1" op="equ"/>
                <dgm:constr type="ctrY" for="ch" forName="accent_1" refType="h" fact="0.2857"/>
                <dgm:constr type="ctrX" for="ch" forName="accent_1" refType="h" fact="0.1891"/>
                <dgm:constr type="l" for="ch" forName="text_1" refType="ctrX" refFor="ch" refForName="accent_1"/>
                <dgm:constr type="r" for="ch" forName="text_1" refType="w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lMarg" for="ch" forName="text_1" refType="w" refFor="ch" refForName="accent_1" fact="1.8"/>
                <dgm:constr type="h" for="ch" forName="accent_2" refType="h" fact="0.3571"/>
                <dgm:constr type="w" for="ch" forName="accent_2" refType="h" refFor="ch" refForName="accent_2" op="equ"/>
                <dgm:constr type="ctrY" for="ch" forName="accent_2" refType="h" fact="0.7143"/>
                <dgm:constr type="ctrX" for="ch" forName="accent_2" refType="h" fact="0.1891"/>
                <dgm:constr type="l" for="ch" forName="text_2" refType="ctrX" refFor="ch" refForName="accent_2"/>
                <dgm:constr type="r" for="ch" forName="text_2" refType="w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lMarg" for="ch" forName="text_2" refType="w" refFor="ch" refForName="accent_2" fact="1.8"/>
                <dgm:constr type="primFontSz" for="ch" ptType="node" op="equ" val="65"/>
              </dgm:constrLst>
            </dgm:if>
            <dgm:if name="Name7" axis="ch" ptType="node" func="cnt" op="equ" val="3">
              <dgm:constrLst>
                <dgm:constr type="h" for="ch" forName="cycle" refType="h"/>
                <dgm:constr type="w" for="ch" forName="cycle" refType="h" refFor="ch" refForName="cycle" fact="0.26"/>
                <dgm:constr type="l" for="ch" forName="cycle"/>
                <dgm:constr type="ctrY" for="ch" forName="cycle" refType="h" fact="0.5"/>
                <dgm:constr type="diam" for="ch" forName="cycle" refType="h" fact="1.344"/>
                <dgm:constr type="h" for="ch" forName="accent_1" refType="h" fact="0.25"/>
                <dgm:constr type="w" for="ch" forName="accent_1" refType="h" refFor="ch" refForName="accent_1" op="equ"/>
                <dgm:constr type="ctrY" for="ch" forName="accent_1" refType="h" fact="0.2"/>
                <dgm:constr type="ctrX" for="ch" forName="accent_1" refType="h" fact="0.1526"/>
                <dgm:constr type="l" for="ch" forName="text_1" refType="ctrX" refFor="ch" refForName="accent_1"/>
                <dgm:constr type="r" for="ch" forName="text_1" refType="w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lMarg" for="ch" forName="text_1" refType="w" refFor="ch" refForName="accent_1" fact="1.8"/>
                <dgm:constr type="h" for="ch" forName="accent_2" refType="h" fact="0.25"/>
                <dgm:constr type="w" for="ch" forName="accent_2" refType="h" refFor="ch" refForName="accent_2" op="equ"/>
                <dgm:constr type="ctrY" for="ch" forName="accent_2" refType="h" fact="0.5"/>
                <dgm:constr type="ctrX" for="ch" forName="accent_2" refType="h" fact="0.2253"/>
                <dgm:constr type="l" for="ch" forName="text_2" refType="ctrX" refFor="ch" refForName="accent_2"/>
                <dgm:constr type="r" for="ch" forName="text_2" refType="w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lMarg" for="ch" forName="text_2" refType="w" refFor="ch" refForName="accent_2" fact="1.8"/>
                <dgm:constr type="h" for="ch" forName="accent_3" refType="h" fact="0.25"/>
                <dgm:constr type="w" for="ch" forName="accent_3" refType="h" refFor="ch" refForName="accent_3" op="equ"/>
                <dgm:constr type="ctrY" for="ch" forName="accent_3" refType="h" fact="0.8"/>
                <dgm:constr type="ctrX" for="ch" forName="accent_3" refType="h" fact="0.1526"/>
                <dgm:constr type="l" for="ch" forName="text_3" refType="ctrX" refFor="ch" refForName="accent_3"/>
                <dgm:constr type="r" for="ch" forName="text_3" refType="w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lMarg" for="ch" forName="text_3" refType="w" refFor="ch" refForName="accent_3" fact="1.8"/>
                <dgm:constr type="primFontSz" for="ch" ptType="node" op="equ" val="65"/>
              </dgm:constrLst>
            </dgm:if>
            <dgm:if name="Name8" axis="ch" ptType="node" func="cnt" op="equ" val="4">
              <dgm:constrLst>
                <dgm:constr type="h" for="ch" forName="cycle" refType="h"/>
                <dgm:constr type="w" for="ch" forName="cycle" refType="h" refFor="ch" refForName="cycle" fact="0.26"/>
                <dgm:constr type="l" for="ch" forName="cycle"/>
                <dgm:constr type="ctrY" for="ch" forName="cycle" refType="h" fact="0.5"/>
                <dgm:constr type="diam" for="ch" forName="cycle" refType="h" fact="1.344"/>
                <dgm:constr type="h" for="ch" forName="accent_1" refType="h" fact="0.1923"/>
                <dgm:constr type="w" for="ch" forName="accent_1" refType="h" refFor="ch" refForName="accent_1" op="equ"/>
                <dgm:constr type="ctrY" for="ch" forName="accent_1" refType="h" fact="0.1538"/>
                <dgm:constr type="ctrX" for="ch" forName="accent_1" refType="h" fact="0.1268"/>
                <dgm:constr type="l" for="ch" forName="text_1" refType="ctrX" refFor="ch" refForName="accent_1"/>
                <dgm:constr type="r" for="ch" forName="text_1" refType="w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lMarg" for="ch" forName="text_1" refType="w" refFor="ch" refForName="accent_1" fact="1.8"/>
                <dgm:constr type="h" for="ch" forName="accent_2" refType="h" fact="0.1923"/>
                <dgm:constr type="w" for="ch" forName="accent_2" refType="h" refFor="ch" refForName="accent_2" op="equ"/>
                <dgm:constr type="ctrY" for="ch" forName="accent_2" refType="h" fact="0.3846"/>
                <dgm:constr type="ctrX" for="ch" forName="accent_2" refType="h" fact="0.215"/>
                <dgm:constr type="l" for="ch" forName="text_2" refType="ctrX" refFor="ch" refForName="accent_2"/>
                <dgm:constr type="r" for="ch" forName="text_2" refType="w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lMarg" for="ch" forName="text_2" refType="w" refFor="ch" refForName="accent_2" fact="1.8"/>
                <dgm:constr type="h" for="ch" forName="accent_3" refType="h" fact="0.1923"/>
                <dgm:constr type="w" for="ch" forName="accent_3" refType="h" refFor="ch" refForName="accent_3" op="equ"/>
                <dgm:constr type="ctrY" for="ch" forName="accent_3" refType="h" fact="0.6154"/>
                <dgm:constr type="ctrX" for="ch" forName="accent_3" refType="h" fact="0.215"/>
                <dgm:constr type="l" for="ch" forName="text_3" refType="ctrX" refFor="ch" refForName="accent_3"/>
                <dgm:constr type="r" for="ch" forName="text_3" refType="w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lMarg" for="ch" forName="text_3" refType="w" refFor="ch" refForName="accent_3" fact="1.8"/>
                <dgm:constr type="h" for="ch" forName="accent_4" refType="h" fact="0.1923"/>
                <dgm:constr type="w" for="ch" forName="accent_4" refType="h" refFor="ch" refForName="accent_4" op="equ"/>
                <dgm:constr type="ctrY" for="ch" forName="accent_4" refType="h" fact="0.8462"/>
                <dgm:constr type="ctrX" for="ch" forName="accent_4" refType="h" fact="0.1268"/>
                <dgm:constr type="l" for="ch" forName="text_4" refType="ctrX" refFor="ch" refForName="accent_4"/>
                <dgm:constr type="r" for="ch" forName="text_4" refType="w"/>
                <dgm:constr type="w" for="ch" forName="text_4" refType="h" refFor="ch" refForName="text_4" op="gte"/>
                <dgm:constr type="h" for="ch" forName="text_4" refType="h" refFor="ch" refForName="accent_4" fact="0.8"/>
                <dgm:constr type="ctrY" for="ch" forName="text_4" refType="ctrY" refFor="ch" refForName="accent_4"/>
                <dgm:constr type="lMarg" for="ch" forName="text_4" refType="w" refFor="ch" refForName="accent_4" fact="1.8"/>
                <dgm:constr type="primFontSz" for="ch" ptType="node" op="equ" val="65"/>
              </dgm:constrLst>
            </dgm:if>
            <dgm:if name="Name9" axis="ch" ptType="node" func="cnt" op="equ" val="5">
              <dgm:constrLst>
                <dgm:constr type="h" for="ch" forName="cycle" refType="h"/>
                <dgm:constr type="w" for="ch" forName="cycle" refType="h" refFor="ch" refForName="cycle" fact="0.26"/>
                <dgm:constr type="l" for="ch" forName="cycle"/>
                <dgm:constr type="ctrY" for="ch" forName="cycle" refType="h" fact="0.5"/>
                <dgm:constr type="diam" for="ch" forName="cycle" refType="h" fact="1.344"/>
                <dgm:constr type="h" for="ch" forName="accent_1" refType="h" fact="0.1563"/>
                <dgm:constr type="w" for="ch" forName="accent_1" refType="h" refFor="ch" refForName="accent_1" op="equ"/>
                <dgm:constr type="ctrY" for="ch" forName="accent_1" refType="h" fact="0.125"/>
                <dgm:constr type="ctrX" for="ch" forName="accent_1" refType="h" fact="0.1082"/>
                <dgm:constr type="l" for="ch" forName="text_1" refType="ctrX" refFor="ch" refForName="accent_1"/>
                <dgm:constr type="r" for="ch" forName="text_1" refType="w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lMarg" for="ch" forName="text_1" refType="w" refFor="ch" refForName="accent_1" fact="1.8"/>
                <dgm:constr type="h" for="ch" forName="accent_2" refType="h" fact="0.1563"/>
                <dgm:constr type="w" for="ch" forName="accent_2" refType="h" refFor="ch" refForName="accent_2" op="equ"/>
                <dgm:constr type="ctrY" for="ch" forName="accent_2" refType="h" fact="0.3125"/>
                <dgm:constr type="ctrX" for="ch" forName="accent_2" refType="h" fact="0.1978"/>
                <dgm:constr type="l" for="ch" forName="text_2" refType="ctrX" refFor="ch" refForName="accent_2"/>
                <dgm:constr type="r" for="ch" forName="text_2" refType="w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lMarg" for="ch" forName="text_2" refType="w" refFor="ch" refForName="accent_2" fact="1.8"/>
                <dgm:constr type="h" for="ch" forName="accent_3" refType="h" fact="0.1563"/>
                <dgm:constr type="w" for="ch" forName="accent_3" refType="h" refFor="ch" refForName="accent_3" op="equ"/>
                <dgm:constr type="ctrY" for="ch" forName="accent_3" refType="h" fact="0.5"/>
                <dgm:constr type="ctrX" for="ch" forName="accent_3" refType="h" fact="0.2253"/>
                <dgm:constr type="l" for="ch" forName="text_3" refType="ctrX" refFor="ch" refForName="accent_3"/>
                <dgm:constr type="r" for="ch" forName="text_3" refType="w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lMarg" for="ch" forName="text_3" refType="w" refFor="ch" refForName="accent_3" fact="1.8"/>
                <dgm:constr type="h" for="ch" forName="accent_4" refType="h" fact="0.1563"/>
                <dgm:constr type="w" for="ch" forName="accent_4" refType="h" refFor="ch" refForName="accent_4" op="equ"/>
                <dgm:constr type="ctrY" for="ch" forName="accent_4" refType="h" fact="0.6875"/>
                <dgm:constr type="ctrX" for="ch" forName="accent_4" refType="h" fact="0.1978"/>
                <dgm:constr type="l" for="ch" forName="text_4" refType="ctrX" refFor="ch" refForName="accent_4"/>
                <dgm:constr type="r" for="ch" forName="text_4" refType="w"/>
                <dgm:constr type="w" for="ch" forName="text_4" refType="h" refFor="ch" refForName="text_4" op="gte"/>
                <dgm:constr type="h" for="ch" forName="text_4" refType="h" refFor="ch" refForName="accent_4" fact="0.8"/>
                <dgm:constr type="ctrY" for="ch" forName="text_4" refType="ctrY" refFor="ch" refForName="accent_4"/>
                <dgm:constr type="lMarg" for="ch" forName="text_4" refType="w" refFor="ch" refForName="accent_4" fact="1.8"/>
                <dgm:constr type="h" for="ch" forName="accent_5" refType="h" fact="0.1563"/>
                <dgm:constr type="w" for="ch" forName="accent_5" refType="h" refFor="ch" refForName="accent_5" op="equ"/>
                <dgm:constr type="ctrY" for="ch" forName="accent_5" refType="h" fact="0.875"/>
                <dgm:constr type="ctrX" for="ch" forName="accent_5" refType="h" fact="0.1082"/>
                <dgm:constr type="l" for="ch" forName="text_5" refType="ctrX" refFor="ch" refForName="accent_5"/>
                <dgm:constr type="r" for="ch" forName="text_5" refType="w"/>
                <dgm:constr type="w" for="ch" forName="text_5" refType="h" refFor="ch" refForName="text_5" op="gte"/>
                <dgm:constr type="h" for="ch" forName="text_5" refType="h" refFor="ch" refForName="accent_5" fact="0.8"/>
                <dgm:constr type="ctrY" for="ch" forName="text_5" refType="ctrY" refFor="ch" refForName="accent_5"/>
                <dgm:constr type="lMarg" for="ch" forName="text_5" refType="w" refFor="ch" refForName="accent_5" fact="1.8"/>
                <dgm:constr type="primFontSz" for="ch" ptType="node" op="equ" val="65"/>
              </dgm:constrLst>
            </dgm:if>
            <dgm:if name="Name10" axis="ch" ptType="node" func="cnt" op="equ" val="6">
              <dgm:constrLst>
                <dgm:constr type="h" for="ch" forName="cycle" refType="h"/>
                <dgm:constr type="w" for="ch" forName="cycle" refType="h" refFor="ch" refForName="cycle" fact="0.26"/>
                <dgm:constr type="l" for="ch" forName="cycle"/>
                <dgm:constr type="ctrY" for="ch" forName="cycle" refType="h" fact="0.5"/>
                <dgm:constr type="diam" for="ch" forName="cycle" refType="h" fact="1.344"/>
                <dgm:constr type="h" for="ch" forName="accent_1" refType="h" fact="0.1316"/>
                <dgm:constr type="w" for="ch" forName="accent_1" refType="h" refFor="ch" refForName="accent_1" op="equ"/>
                <dgm:constr type="ctrY" for="ch" forName="accent_1" refType="h" fact="0.1053"/>
                <dgm:constr type="ctrX" for="ch" forName="accent_1" refType="h" fact="0.0943"/>
                <dgm:constr type="l" for="ch" forName="text_1" refType="ctrX" refFor="ch" refForName="accent_1"/>
                <dgm:constr type="r" for="ch" forName="text_1" refType="w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lMarg" for="ch" forName="text_1" refType="w" refFor="ch" refForName="accent_1" fact="1.8"/>
                <dgm:constr type="h" for="ch" forName="accent_2" refType="h" fact="0.1316"/>
                <dgm:constr type="w" for="ch" forName="accent_2" refType="h" refFor="ch" refForName="accent_2" op="equ"/>
                <dgm:constr type="ctrY" for="ch" forName="accent_2" refType="h" fact="0.2632"/>
                <dgm:constr type="ctrX" for="ch" forName="accent_2" refType="h" fact="0.1809"/>
                <dgm:constr type="l" for="ch" forName="text_2" refType="ctrX" refFor="ch" refForName="accent_2"/>
                <dgm:constr type="r" for="ch" forName="text_2" refType="w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lMarg" for="ch" forName="text_2" refType="w" refFor="ch" refForName="accent_2" fact="1.8"/>
                <dgm:constr type="h" for="ch" forName="accent_3" refType="h" fact="0.1316"/>
                <dgm:constr type="w" for="ch" forName="accent_3" refType="h" refFor="ch" refForName="accent_3" op="equ"/>
                <dgm:constr type="ctrY" for="ch" forName="accent_3" refType="h" fact="0.4211"/>
                <dgm:constr type="ctrX" for="ch" forName="accent_3" refType="h" fact="0.2205"/>
                <dgm:constr type="l" for="ch" forName="text_3" refType="ctrX" refFor="ch" refForName="accent_3"/>
                <dgm:constr type="r" for="ch" forName="text_3" refType="w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lMarg" for="ch" forName="text_3" refType="w" refFor="ch" refForName="accent_3" fact="1.8"/>
                <dgm:constr type="h" for="ch" forName="accent_4" refType="h" fact="0.1316"/>
                <dgm:constr type="w" for="ch" forName="accent_4" refType="h" refFor="ch" refForName="accent_4" op="equ"/>
                <dgm:constr type="ctrY" for="ch" forName="accent_4" refType="h" fact="0.5789"/>
                <dgm:constr type="ctrX" for="ch" forName="accent_4" refType="h" fact="0.2205"/>
                <dgm:constr type="l" for="ch" forName="text_4" refType="ctrX" refFor="ch" refForName="accent_4"/>
                <dgm:constr type="r" for="ch" forName="text_4" refType="w"/>
                <dgm:constr type="w" for="ch" forName="text_4" refType="h" refFor="ch" refForName="text_4" op="gte"/>
                <dgm:constr type="h" for="ch" forName="text_4" refType="h" refFor="ch" refForName="accent_4" fact="0.8"/>
                <dgm:constr type="ctrY" for="ch" forName="text_4" refType="ctrY" refFor="ch" refForName="accent_4"/>
                <dgm:constr type="lMarg" for="ch" forName="text_4" refType="w" refFor="ch" refForName="accent_4" fact="1.8"/>
                <dgm:constr type="h" for="ch" forName="accent_5" refType="h" fact="0.1316"/>
                <dgm:constr type="w" for="ch" forName="accent_5" refType="h" refFor="ch" refForName="accent_5" op="equ"/>
                <dgm:constr type="ctrY" for="ch" forName="accent_5" refType="h" fact="0.7368"/>
                <dgm:constr type="ctrX" for="ch" forName="accent_5" refType="h" fact="0.1809"/>
                <dgm:constr type="l" for="ch" forName="text_5" refType="ctrX" refFor="ch" refForName="accent_5"/>
                <dgm:constr type="r" for="ch" forName="text_5" refType="w"/>
                <dgm:constr type="w" for="ch" forName="text_5" refType="h" refFor="ch" refForName="text_5" op="gte"/>
                <dgm:constr type="h" for="ch" forName="text_5" refType="h" refFor="ch" refForName="accent_5" fact="0.8"/>
                <dgm:constr type="ctrY" for="ch" forName="text_5" refType="ctrY" refFor="ch" refForName="accent_5"/>
                <dgm:constr type="lMarg" for="ch" forName="text_5" refType="w" refFor="ch" refForName="accent_5" fact="1.8"/>
                <dgm:constr type="h" for="ch" forName="accent_6" refType="h" fact="0.1316"/>
                <dgm:constr type="w" for="ch" forName="accent_6" refType="h" refFor="ch" refForName="accent_6" op="equ"/>
                <dgm:constr type="ctrY" for="ch" forName="accent_6" refType="h" fact="0.8947"/>
                <dgm:constr type="ctrX" for="ch" forName="accent_6" refType="h" fact="0.0943"/>
                <dgm:constr type="l" for="ch" forName="text_6" refType="ctrX" refFor="ch" refForName="accent_6"/>
                <dgm:constr type="r" for="ch" forName="text_6" refType="w"/>
                <dgm:constr type="w" for="ch" forName="text_6" refType="h" refFor="ch" refForName="text_6" op="gte"/>
                <dgm:constr type="h" for="ch" forName="text_6" refType="h" refFor="ch" refForName="accent_6" fact="0.8"/>
                <dgm:constr type="ctrY" for="ch" forName="text_6" refType="ctrY" refFor="ch" refForName="accent_6"/>
                <dgm:constr type="lMarg" for="ch" forName="text_6" refType="w" refFor="ch" refForName="accent_6" fact="1.8"/>
                <dgm:constr type="primFontSz" for="ch" ptType="node" op="equ" val="65"/>
              </dgm:constrLst>
            </dgm:if>
            <dgm:else name="Name11">
              <dgm:constrLst>
                <dgm:constr type="h" for="ch" forName="cycle" refType="h"/>
                <dgm:constr type="w" for="ch" forName="cycle" refType="h" refFor="ch" refForName="cycle" fact="0.26"/>
                <dgm:constr type="l" for="ch" forName="cycle"/>
                <dgm:constr type="ctrY" for="ch" forName="cycle" refType="h" fact="0.5"/>
                <dgm:constr type="diam" for="ch" forName="cycle" refType="h" fact="1.344"/>
                <dgm:constr type="h" for="ch" forName="accent_1" refType="h" fact="0.1136"/>
                <dgm:constr type="w" for="ch" forName="accent_1" refType="h" refFor="ch" refForName="accent_1" op="equ"/>
                <dgm:constr type="ctrY" for="ch" forName="accent_1" refType="h" fact="0.0909"/>
                <dgm:constr type="ctrX" for="ch" forName="accent_1" refType="h" fact="0.0835"/>
                <dgm:constr type="l" for="ch" forName="text_1" refType="ctrX" refFor="ch" refForName="accent_1"/>
                <dgm:constr type="r" for="ch" forName="text_1" refType="w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lMarg" for="ch" forName="text_1" refType="w" refFor="ch" refForName="accent_1" fact="1.8"/>
                <dgm:constr type="h" for="ch" forName="accent_2" refType="h" fact="0.1136"/>
                <dgm:constr type="w" for="ch" forName="accent_2" refType="h" refFor="ch" refForName="accent_2" op="equ"/>
                <dgm:constr type="ctrY" for="ch" forName="accent_2" refType="h" fact="0.2273"/>
                <dgm:constr type="ctrX" for="ch" forName="accent_2" refType="h" fact="0.1658"/>
                <dgm:constr type="l" for="ch" forName="text_2" refType="ctrX" refFor="ch" refForName="accent_2"/>
                <dgm:constr type="r" for="ch" forName="text_2" refType="w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lMarg" for="ch" forName="text_2" refType="w" refFor="ch" refForName="accent_2" fact="1.8"/>
                <dgm:constr type="h" for="ch" forName="accent_3" refType="h" fact="0.1136"/>
                <dgm:constr type="w" for="ch" forName="accent_3" refType="h" refFor="ch" refForName="accent_3" op="equ"/>
                <dgm:constr type="ctrY" for="ch" forName="accent_3" refType="h" fact="0.3636"/>
                <dgm:constr type="ctrX" for="ch" forName="accent_3" refType="h" fact="0.2109"/>
                <dgm:constr type="l" for="ch" forName="text_3" refType="ctrX" refFor="ch" refForName="accent_3"/>
                <dgm:constr type="r" for="ch" forName="text_3" refType="w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lMarg" for="ch" forName="text_3" refType="w" refFor="ch" refForName="accent_3" fact="1.8"/>
                <dgm:constr type="h" for="ch" forName="accent_4" refType="h" fact="0.1136"/>
                <dgm:constr type="w" for="ch" forName="accent_4" refType="h" refFor="ch" refForName="accent_4" op="equ"/>
                <dgm:constr type="ctrY" for="ch" forName="accent_4" refType="h" fact="0.5"/>
                <dgm:constr type="ctrX" for="ch" forName="accent_4" refType="h" fact="0.2253"/>
                <dgm:constr type="l" for="ch" forName="text_4" refType="ctrX" refFor="ch" refForName="accent_4"/>
                <dgm:constr type="r" for="ch" forName="text_4" refType="w"/>
                <dgm:constr type="w" for="ch" forName="text_4" refType="h" refFor="ch" refForName="text_4" op="gte"/>
                <dgm:constr type="h" for="ch" forName="text_4" refType="h" refFor="ch" refForName="accent_4" fact="0.8"/>
                <dgm:constr type="ctrY" for="ch" forName="text_4" refType="ctrY" refFor="ch" refForName="accent_4"/>
                <dgm:constr type="lMarg" for="ch" forName="text_4" refType="w" refFor="ch" refForName="accent_4" fact="1.8"/>
                <dgm:constr type="h" for="ch" forName="accent_5" refType="h" fact="0.1136"/>
                <dgm:constr type="w" for="ch" forName="accent_5" refType="h" refFor="ch" refForName="accent_5" op="equ"/>
                <dgm:constr type="ctrY" for="ch" forName="accent_5" refType="h" fact="0.6364"/>
                <dgm:constr type="ctrX" for="ch" forName="accent_5" refType="h" fact="0.2109"/>
                <dgm:constr type="l" for="ch" forName="text_5" refType="ctrX" refFor="ch" refForName="accent_5"/>
                <dgm:constr type="r" for="ch" forName="text_5" refType="w"/>
                <dgm:constr type="w" for="ch" forName="text_5" refType="h" refFor="ch" refForName="text_5" op="gte"/>
                <dgm:constr type="h" for="ch" forName="text_5" refType="h" refFor="ch" refForName="accent_5" fact="0.8"/>
                <dgm:constr type="ctrY" for="ch" forName="text_5" refType="ctrY" refFor="ch" refForName="accent_5"/>
                <dgm:constr type="lMarg" for="ch" forName="text_5" refType="w" refFor="ch" refForName="accent_5" fact="1.8"/>
                <dgm:constr type="h" for="ch" forName="accent_6" refType="h" fact="0.1136"/>
                <dgm:constr type="w" for="ch" forName="accent_6" refType="h" refFor="ch" refForName="accent_6" op="equ"/>
                <dgm:constr type="ctrY" for="ch" forName="accent_6" refType="h" fact="0.7727"/>
                <dgm:constr type="ctrX" for="ch" forName="accent_6" refType="h" fact="0.1658"/>
                <dgm:constr type="l" for="ch" forName="text_6" refType="ctrX" refFor="ch" refForName="accent_6"/>
                <dgm:constr type="r" for="ch" forName="text_6" refType="w"/>
                <dgm:constr type="w" for="ch" forName="text_6" refType="h" refFor="ch" refForName="text_6" op="gte"/>
                <dgm:constr type="h" for="ch" forName="text_6" refType="h" refFor="ch" refForName="accent_6" fact="0.8"/>
                <dgm:constr type="ctrY" for="ch" forName="text_6" refType="ctrY" refFor="ch" refForName="accent_6"/>
                <dgm:constr type="lMarg" for="ch" forName="text_6" refType="w" refFor="ch" refForName="accent_6" fact="1.8"/>
                <dgm:constr type="h" for="ch" forName="accent_7" refType="h" fact="0.1136"/>
                <dgm:constr type="w" for="ch" forName="accent_7" refType="h" refFor="ch" refForName="accent_7" op="equ"/>
                <dgm:constr type="ctrY" for="ch" forName="accent_7" refType="h" fact="0.9091"/>
                <dgm:constr type="ctrX" for="ch" forName="accent_7" refType="h" fact="0.0835"/>
                <dgm:constr type="l" for="ch" forName="text_7" refType="ctrX" refFor="ch" refForName="accent_7"/>
                <dgm:constr type="r" for="ch" forName="text_7" refType="w"/>
                <dgm:constr type="w" for="ch" forName="text_7" refType="h" refFor="ch" refForName="text_7" op="gte"/>
                <dgm:constr type="h" for="ch" forName="text_7" refType="h" refFor="ch" refForName="accent_7" fact="0.8"/>
                <dgm:constr type="ctrY" for="ch" forName="text_7" refType="ctrY" refFor="ch" refForName="accent_7"/>
                <dgm:constr type="lMarg" for="ch" forName="text_7" refType="w" refFor="ch" refForName="accent_7" fact="1.8"/>
                <dgm:constr type="primFontSz" for="ch" ptType="node" op="equ" val="65"/>
              </dgm:constrLst>
            </dgm:else>
          </dgm:choose>
        </dgm:if>
        <dgm:else name="Name12">
          <dgm:choose name="Name13">
            <dgm:if name="Name14" axis="ch" ptType="node" func="cnt" op="equ" val="1">
              <dgm:constrLst>
                <dgm:constr type="h" for="ch" forName="cycle" refType="h"/>
                <dgm:constr type="w" for="ch" forName="cycle" refType="h" refFor="ch" refForName="cycle" fact="0.26"/>
                <dgm:constr type="r" for="ch" forName="cycle" refType="w"/>
                <dgm:constr type="ctrY" for="ch" forName="cycle" refType="h" fact="0.5"/>
                <dgm:constr type="diam" for="ch" forName="cycle" refType="h" fact="1.344"/>
                <dgm:constr type="h" for="ch" forName="accent_1" refType="h" fact="0.625"/>
                <dgm:constr type="w" for="ch" forName="accent_1" refType="h" refFor="ch" refForName="accent_1" op="equ"/>
                <dgm:constr type="ctrY" for="ch" forName="accent_1" refType="h" fact="0.5"/>
                <dgm:constr type="ctrX" for="ch" forName="accent_1" refType="w"/>
                <dgm:constr type="ctrXOff" for="ch" forName="accent_1" refType="h" fact="-0.2253"/>
                <dgm:constr type="r" for="ch" forName="text_1" refType="ctrX" refFor="ch" refForName="accent_1"/>
                <dgm:constr type="rOff" for="ch" forName="text_1" refType="ctrXOff" refFor="ch" refForName="accent_1"/>
                <dgm:constr type="l" for="ch" forName="text_1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rMarg" for="ch" forName="text_1" refType="w" refFor="ch" refForName="accent_1" fact="1.8"/>
                <dgm:constr type="primFontSz" for="ch" ptType="node" op="equ" val="65"/>
              </dgm:constrLst>
            </dgm:if>
            <dgm:if name="Name15" axis="ch" ptType="node" func="cnt" op="equ" val="2">
              <dgm:constrLst>
                <dgm:constr type="h" for="ch" forName="cycle" refType="h"/>
                <dgm:constr type="w" for="ch" forName="cycle" refType="h" refFor="ch" refForName="cycle" fact="0.26"/>
                <dgm:constr type="r" for="ch" forName="cycle" refType="w"/>
                <dgm:constr type="ctrY" for="ch" forName="cycle" refType="h" fact="0.5"/>
                <dgm:constr type="diam" for="ch" forName="cycle" refType="h" fact="1.344"/>
                <dgm:constr type="h" for="ch" forName="accent_1" refType="h" fact="0.3571"/>
                <dgm:constr type="w" for="ch" forName="accent_1" refType="h" refFor="ch" refForName="accent_1" op="equ"/>
                <dgm:constr type="ctrY" for="ch" forName="accent_1" refType="h" fact="0.2857"/>
                <dgm:constr type="ctrX" for="ch" forName="accent_1" refType="w"/>
                <dgm:constr type="ctrXOff" for="ch" forName="accent_1" refType="h" fact="-0.1891"/>
                <dgm:constr type="r" for="ch" forName="text_1" refType="ctrX" refFor="ch" refForName="accent_1"/>
                <dgm:constr type="rOff" for="ch" forName="text_1" refType="ctrXOff" refFor="ch" refForName="accent_1"/>
                <dgm:constr type="l" for="ch" forName="text_1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rMarg" for="ch" forName="text_1" refType="w" refFor="ch" refForName="accent_1" fact="1.8"/>
                <dgm:constr type="h" for="ch" forName="accent_2" refType="h" fact="0.3571"/>
                <dgm:constr type="w" for="ch" forName="accent_2" refType="h" refFor="ch" refForName="accent_2" op="equ"/>
                <dgm:constr type="ctrY" for="ch" forName="accent_2" refType="h" fact="0.7143"/>
                <dgm:constr type="ctrX" for="ch" forName="accent_2" refType="w"/>
                <dgm:constr type="ctrXOff" for="ch" forName="accent_2" refType="h" fact="-0.1891"/>
                <dgm:constr type="r" for="ch" forName="text_2" refType="ctrX" refFor="ch" refForName="accent_2"/>
                <dgm:constr type="rOff" for="ch" forName="text_2" refType="ctrXOff" refFor="ch" refForName="accent_2"/>
                <dgm:constr type="l" for="ch" forName="text_2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rMarg" for="ch" forName="text_2" refType="w" refFor="ch" refForName="accent_2" fact="1.8"/>
                <dgm:constr type="primFontSz" for="ch" ptType="node" op="equ" val="65"/>
              </dgm:constrLst>
            </dgm:if>
            <dgm:if name="Name16" axis="ch" ptType="node" func="cnt" op="equ" val="3">
              <dgm:constrLst>
                <dgm:constr type="h" for="ch" forName="cycle" refType="h"/>
                <dgm:constr type="w" for="ch" forName="cycle" refType="h" refFor="ch" refForName="cycle" fact="0.26"/>
                <dgm:constr type="r" for="ch" forName="cycle" refType="w"/>
                <dgm:constr type="ctrY" for="ch" forName="cycle" refType="h" fact="0.5"/>
                <dgm:constr type="diam" for="ch" forName="cycle" refType="h" fact="1.344"/>
                <dgm:constr type="h" for="ch" forName="accent_1" refType="h" fact="0.25"/>
                <dgm:constr type="w" for="ch" forName="accent_1" refType="h" refFor="ch" refForName="accent_1" op="equ"/>
                <dgm:constr type="ctrY" for="ch" forName="accent_1" refType="h" fact="0.2"/>
                <dgm:constr type="ctrX" for="ch" forName="accent_1" refType="w"/>
                <dgm:constr type="ctrXOff" for="ch" forName="accent_1" refType="h" fact="-0.1526"/>
                <dgm:constr type="r" for="ch" forName="text_1" refType="ctrX" refFor="ch" refForName="accent_1"/>
                <dgm:constr type="rOff" for="ch" forName="text_1" refType="ctrXOff" refFor="ch" refForName="accent_1"/>
                <dgm:constr type="l" for="ch" forName="text_1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rMarg" for="ch" forName="text_1" refType="w" refFor="ch" refForName="accent_1" fact="1.8"/>
                <dgm:constr type="h" for="ch" forName="accent_2" refType="h" fact="0.25"/>
                <dgm:constr type="w" for="ch" forName="accent_2" refType="h" refFor="ch" refForName="accent_2" op="equ"/>
                <dgm:constr type="ctrY" for="ch" forName="accent_2" refType="h" fact="0.5"/>
                <dgm:constr type="ctrX" for="ch" forName="accent_2" refType="w"/>
                <dgm:constr type="ctrXOff" for="ch" forName="accent_2" refType="h" fact="-0.2253"/>
                <dgm:constr type="r" for="ch" forName="text_2" refType="ctrX" refFor="ch" refForName="accent_2"/>
                <dgm:constr type="rOff" for="ch" forName="text_2" refType="ctrXOff" refFor="ch" refForName="accent_2"/>
                <dgm:constr type="l" for="ch" forName="text_2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rMarg" for="ch" forName="text_2" refType="w" refFor="ch" refForName="accent_2" fact="1.8"/>
                <dgm:constr type="h" for="ch" forName="accent_3" refType="h" fact="0.25"/>
                <dgm:constr type="w" for="ch" forName="accent_3" refType="h" refFor="ch" refForName="accent_3" op="equ"/>
                <dgm:constr type="ctrY" for="ch" forName="accent_3" refType="h" fact="0.8"/>
                <dgm:constr type="ctrX" for="ch" forName="accent_3" refType="w"/>
                <dgm:constr type="ctrXOff" for="ch" forName="accent_3" refType="h" fact="-0.1526"/>
                <dgm:constr type="r" for="ch" forName="text_3" refType="ctrX" refFor="ch" refForName="accent_3"/>
                <dgm:constr type="rOff" for="ch" forName="text_3" refType="ctrXOff" refFor="ch" refForName="accent_3"/>
                <dgm:constr type="l" for="ch" forName="text_3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rMarg" for="ch" forName="text_3" refType="w" refFor="ch" refForName="accent_3" fact="1.8"/>
                <dgm:constr type="primFontSz" for="ch" ptType="node" op="equ" val="65"/>
              </dgm:constrLst>
            </dgm:if>
            <dgm:if name="Name17" axis="ch" ptType="node" func="cnt" op="equ" val="4">
              <dgm:constrLst>
                <dgm:constr type="h" for="ch" forName="cycle" refType="h"/>
                <dgm:constr type="w" for="ch" forName="cycle" refType="h" refFor="ch" refForName="cycle" fact="0.26"/>
                <dgm:constr type="r" for="ch" forName="cycle" refType="w"/>
                <dgm:constr type="ctrY" for="ch" forName="cycle" refType="h" fact="0.5"/>
                <dgm:constr type="diam" for="ch" forName="cycle" refType="h" fact="1.344"/>
                <dgm:constr type="h" for="ch" forName="accent_1" refType="h" fact="0.1923"/>
                <dgm:constr type="w" for="ch" forName="accent_1" refType="h" refFor="ch" refForName="accent_1" op="equ"/>
                <dgm:constr type="ctrY" for="ch" forName="accent_1" refType="h" fact="0.1538"/>
                <dgm:constr type="ctrX" for="ch" forName="accent_1" refType="w"/>
                <dgm:constr type="ctrXOff" for="ch" forName="accent_1" refType="h" fact="-0.1268"/>
                <dgm:constr type="r" for="ch" forName="text_1" refType="ctrX" refFor="ch" refForName="accent_1"/>
                <dgm:constr type="rOff" for="ch" forName="text_1" refType="ctrXOff" refFor="ch" refForName="accent_1"/>
                <dgm:constr type="l" for="ch" forName="text_1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rMarg" for="ch" forName="text_1" refType="w" refFor="ch" refForName="accent_1" fact="1.8"/>
                <dgm:constr type="h" for="ch" forName="accent_2" refType="h" fact="0.1923"/>
                <dgm:constr type="w" for="ch" forName="accent_2" refType="h" refFor="ch" refForName="accent_2" op="equ"/>
                <dgm:constr type="ctrY" for="ch" forName="accent_2" refType="h" fact="0.3846"/>
                <dgm:constr type="ctrX" for="ch" forName="accent_2" refType="w"/>
                <dgm:constr type="ctrXOff" for="ch" forName="accent_2" refType="h" fact="-0.215"/>
                <dgm:constr type="r" for="ch" forName="text_2" refType="ctrX" refFor="ch" refForName="accent_2"/>
                <dgm:constr type="rOff" for="ch" forName="text_2" refType="ctrXOff" refFor="ch" refForName="accent_2"/>
                <dgm:constr type="l" for="ch" forName="text_2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rMarg" for="ch" forName="text_2" refType="w" refFor="ch" refForName="accent_2" fact="1.8"/>
                <dgm:constr type="h" for="ch" forName="accent_3" refType="h" fact="0.1923"/>
                <dgm:constr type="w" for="ch" forName="accent_3" refType="h" refFor="ch" refForName="accent_3" op="equ"/>
                <dgm:constr type="ctrY" for="ch" forName="accent_3" refType="h" fact="0.6154"/>
                <dgm:constr type="ctrX" for="ch" forName="accent_3" refType="w"/>
                <dgm:constr type="ctrXOff" for="ch" forName="accent_3" refType="h" fact="-0.215"/>
                <dgm:constr type="r" for="ch" forName="text_3" refType="ctrX" refFor="ch" refForName="accent_3"/>
                <dgm:constr type="rOff" for="ch" forName="text_3" refType="ctrXOff" refFor="ch" refForName="accent_3"/>
                <dgm:constr type="l" for="ch" forName="text_3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rMarg" for="ch" forName="text_3" refType="w" refFor="ch" refForName="accent_3" fact="1.8"/>
                <dgm:constr type="h" for="ch" forName="accent_4" refType="h" fact="0.1923"/>
                <dgm:constr type="w" for="ch" forName="accent_4" refType="h" refFor="ch" refForName="accent_4" op="equ"/>
                <dgm:constr type="ctrY" for="ch" forName="accent_4" refType="h" fact="0.8462"/>
                <dgm:constr type="ctrX" for="ch" forName="accent_4" refType="w"/>
                <dgm:constr type="ctrXOff" for="ch" forName="accent_4" refType="h" fact="-0.1268"/>
                <dgm:constr type="r" for="ch" forName="text_4" refType="ctrX" refFor="ch" refForName="accent_4"/>
                <dgm:constr type="rOff" for="ch" forName="text_4" refType="ctrXOff" refFor="ch" refForName="accent_4"/>
                <dgm:constr type="l" for="ch" forName="text_4"/>
                <dgm:constr type="w" for="ch" forName="text_4" refType="h" refFor="ch" refForName="text_4" op="gte"/>
                <dgm:constr type="h" for="ch" forName="text_4" refType="h" refFor="ch" refForName="accent_4" fact="0.8"/>
                <dgm:constr type="ctrY" for="ch" forName="text_4" refType="ctrY" refFor="ch" refForName="accent_4"/>
                <dgm:constr type="rMarg" for="ch" forName="text_4" refType="w" refFor="ch" refForName="accent_4" fact="1.8"/>
                <dgm:constr type="primFontSz" for="ch" ptType="node" op="equ" val="65"/>
              </dgm:constrLst>
            </dgm:if>
            <dgm:if name="Name18" axis="ch" ptType="node" func="cnt" op="equ" val="5">
              <dgm:constrLst>
                <dgm:constr type="h" for="ch" forName="cycle" refType="h"/>
                <dgm:constr type="w" for="ch" forName="cycle" refType="h" refFor="ch" refForName="cycle" fact="0.26"/>
                <dgm:constr type="r" for="ch" forName="cycle" refType="w"/>
                <dgm:constr type="ctrY" for="ch" forName="cycle" refType="h" fact="0.5"/>
                <dgm:constr type="diam" for="ch" forName="cycle" refType="h" fact="1.344"/>
                <dgm:constr type="h" for="ch" forName="accent_1" refType="h" fact="0.1563"/>
                <dgm:constr type="w" for="ch" forName="accent_1" refType="h" refFor="ch" refForName="accent_1" op="equ"/>
                <dgm:constr type="ctrY" for="ch" forName="accent_1" refType="h" fact="0.125"/>
                <dgm:constr type="ctrX" for="ch" forName="accent_1" refType="w"/>
                <dgm:constr type="ctrXOff" for="ch" forName="accent_1" refType="h" fact="-0.1082"/>
                <dgm:constr type="r" for="ch" forName="text_1" refType="ctrX" refFor="ch" refForName="accent_1"/>
                <dgm:constr type="rOff" for="ch" forName="text_1" refType="ctrXOff" refFor="ch" refForName="accent_1"/>
                <dgm:constr type="l" for="ch" forName="text_1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rMarg" for="ch" forName="text_1" refType="w" refFor="ch" refForName="accent_1" fact="1.8"/>
                <dgm:constr type="h" for="ch" forName="accent_2" refType="h" fact="0.1563"/>
                <dgm:constr type="w" for="ch" forName="accent_2" refType="h" refFor="ch" refForName="accent_2" op="equ"/>
                <dgm:constr type="ctrY" for="ch" forName="accent_2" refType="h" fact="0.3125"/>
                <dgm:constr type="ctrX" for="ch" forName="accent_2" refType="w"/>
                <dgm:constr type="ctrXOff" for="ch" forName="accent_2" refType="h" fact="-0.1978"/>
                <dgm:constr type="r" for="ch" forName="text_2" refType="ctrX" refFor="ch" refForName="accent_2"/>
                <dgm:constr type="rOff" for="ch" forName="text_2" refType="ctrXOff" refFor="ch" refForName="accent_2"/>
                <dgm:constr type="l" for="ch" forName="text_2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rMarg" for="ch" forName="text_2" refType="w" refFor="ch" refForName="accent_2" fact="1.8"/>
                <dgm:constr type="h" for="ch" forName="accent_3" refType="h" fact="0.1563"/>
                <dgm:constr type="w" for="ch" forName="accent_3" refType="h" refFor="ch" refForName="accent_3" op="equ"/>
                <dgm:constr type="ctrY" for="ch" forName="accent_3" refType="h" fact="0.5"/>
                <dgm:constr type="ctrX" for="ch" forName="accent_3" refType="w"/>
                <dgm:constr type="ctrXOff" for="ch" forName="accent_3" refType="h" fact="-0.2253"/>
                <dgm:constr type="r" for="ch" forName="text_3" refType="ctrX" refFor="ch" refForName="accent_3"/>
                <dgm:constr type="rOff" for="ch" forName="text_3" refType="ctrXOff" refFor="ch" refForName="accent_3"/>
                <dgm:constr type="l" for="ch" forName="text_3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rMarg" for="ch" forName="text_3" refType="w" refFor="ch" refForName="accent_3" fact="1.8"/>
                <dgm:constr type="h" for="ch" forName="accent_4" refType="h" fact="0.1563"/>
                <dgm:constr type="w" for="ch" forName="accent_4" refType="h" refFor="ch" refForName="accent_4" op="equ"/>
                <dgm:constr type="ctrY" for="ch" forName="accent_4" refType="h" fact="0.6875"/>
                <dgm:constr type="ctrX" for="ch" forName="accent_4" refType="w"/>
                <dgm:constr type="ctrXOff" for="ch" forName="accent_4" refType="h" fact="-0.1978"/>
                <dgm:constr type="r" for="ch" forName="text_4" refType="ctrX" refFor="ch" refForName="accent_4"/>
                <dgm:constr type="rOff" for="ch" forName="text_4" refType="ctrXOff" refFor="ch" refForName="accent_4"/>
                <dgm:constr type="l" for="ch" forName="text_4"/>
                <dgm:constr type="w" for="ch" forName="text_4" refType="h" refFor="ch" refForName="text_4" op="gte"/>
                <dgm:constr type="h" for="ch" forName="text_4" refType="h" refFor="ch" refForName="accent_4" fact="0.8"/>
                <dgm:constr type="ctrY" for="ch" forName="text_4" refType="ctrY" refFor="ch" refForName="accent_4"/>
                <dgm:constr type="rMarg" for="ch" forName="text_4" refType="w" refFor="ch" refForName="accent_4" fact="1.8"/>
                <dgm:constr type="h" for="ch" forName="accent_5" refType="h" fact="0.1563"/>
                <dgm:constr type="w" for="ch" forName="accent_5" refType="h" refFor="ch" refForName="accent_5" op="equ"/>
                <dgm:constr type="ctrY" for="ch" forName="accent_5" refType="h" fact="0.875"/>
                <dgm:constr type="ctrX" for="ch" forName="accent_5" refType="w"/>
                <dgm:constr type="ctrXOff" for="ch" forName="accent_5" refType="h" fact="-0.1082"/>
                <dgm:constr type="r" for="ch" forName="text_5" refType="ctrX" refFor="ch" refForName="accent_5"/>
                <dgm:constr type="rOff" for="ch" forName="text_5" refType="ctrXOff" refFor="ch" refForName="accent_5"/>
                <dgm:constr type="l" for="ch" forName="text_5"/>
                <dgm:constr type="w" for="ch" forName="text_5" refType="h" refFor="ch" refForName="text_5" op="gte"/>
                <dgm:constr type="h" for="ch" forName="text_5" refType="h" refFor="ch" refForName="accent_5" fact="0.8"/>
                <dgm:constr type="ctrY" for="ch" forName="text_5" refType="ctrY" refFor="ch" refForName="accent_5"/>
                <dgm:constr type="rMarg" for="ch" forName="text_5" refType="w" refFor="ch" refForName="accent_5" fact="1.8"/>
                <dgm:constr type="primFontSz" for="ch" ptType="node" op="equ" val="65"/>
              </dgm:constrLst>
            </dgm:if>
            <dgm:if name="Name19" axis="ch" ptType="node" func="cnt" op="equ" val="6">
              <dgm:constrLst>
                <dgm:constr type="h" for="ch" forName="cycle" refType="h"/>
                <dgm:constr type="w" for="ch" forName="cycle" refType="h" refFor="ch" refForName="cycle" fact="0.26"/>
                <dgm:constr type="r" for="ch" forName="cycle" refType="w"/>
                <dgm:constr type="ctrY" for="ch" forName="cycle" refType="h" fact="0.5"/>
                <dgm:constr type="diam" for="ch" forName="cycle" refType="h" fact="1.344"/>
                <dgm:constr type="h" for="ch" forName="accent_1" refType="h" fact="0.1316"/>
                <dgm:constr type="w" for="ch" forName="accent_1" refType="h" refFor="ch" refForName="accent_1" op="equ"/>
                <dgm:constr type="ctrY" for="ch" forName="accent_1" refType="h" fact="0.1053"/>
                <dgm:constr type="ctrX" for="ch" forName="accent_1" refType="w"/>
                <dgm:constr type="ctrXOff" for="ch" forName="accent_1" refType="h" fact="-0.0943"/>
                <dgm:constr type="r" for="ch" forName="text_1" refType="ctrX" refFor="ch" refForName="accent_1"/>
                <dgm:constr type="rOff" for="ch" forName="text_1" refType="ctrXOff" refFor="ch" refForName="accent_1"/>
                <dgm:constr type="l" for="ch" forName="text_1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rMarg" for="ch" forName="text_1" refType="w" refFor="ch" refForName="accent_1" fact="1.8"/>
                <dgm:constr type="h" for="ch" forName="accent_2" refType="h" fact="0.1316"/>
                <dgm:constr type="w" for="ch" forName="accent_2" refType="h" refFor="ch" refForName="accent_2" op="equ"/>
                <dgm:constr type="ctrY" for="ch" forName="accent_2" refType="h" fact="0.2632"/>
                <dgm:constr type="ctrX" for="ch" forName="accent_2" refType="w"/>
                <dgm:constr type="ctrXOff" for="ch" forName="accent_2" refType="h" fact="-0.1809"/>
                <dgm:constr type="r" for="ch" forName="text_2" refType="ctrX" refFor="ch" refForName="accent_2"/>
                <dgm:constr type="rOff" for="ch" forName="text_2" refType="ctrXOff" refFor="ch" refForName="accent_2"/>
                <dgm:constr type="l" for="ch" forName="text_2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rMarg" for="ch" forName="text_2" refType="w" refFor="ch" refForName="accent_2" fact="1.8"/>
                <dgm:constr type="h" for="ch" forName="accent_3" refType="h" fact="0.1316"/>
                <dgm:constr type="w" for="ch" forName="accent_3" refType="h" refFor="ch" refForName="accent_3" op="equ"/>
                <dgm:constr type="ctrY" for="ch" forName="accent_3" refType="h" fact="0.4211"/>
                <dgm:constr type="ctrX" for="ch" forName="accent_3" refType="w"/>
                <dgm:constr type="ctrXOff" for="ch" forName="accent_3" refType="h" fact="-0.2205"/>
                <dgm:constr type="r" for="ch" forName="text_3" refType="ctrX" refFor="ch" refForName="accent_3"/>
                <dgm:constr type="rOff" for="ch" forName="text_3" refType="ctrXOff" refFor="ch" refForName="accent_3"/>
                <dgm:constr type="l" for="ch" forName="text_3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rMarg" for="ch" forName="text_3" refType="w" refFor="ch" refForName="accent_3" fact="1.8"/>
                <dgm:constr type="h" for="ch" forName="accent_4" refType="h" fact="0.1316"/>
                <dgm:constr type="w" for="ch" forName="accent_4" refType="h" refFor="ch" refForName="accent_4" op="equ"/>
                <dgm:constr type="ctrY" for="ch" forName="accent_4" refType="h" fact="0.5789"/>
                <dgm:constr type="ctrX" for="ch" forName="accent_4" refType="w"/>
                <dgm:constr type="ctrXOff" for="ch" forName="accent_4" refType="h" fact="-0.2205"/>
                <dgm:constr type="r" for="ch" forName="text_4" refType="ctrX" refFor="ch" refForName="accent_4"/>
                <dgm:constr type="rOff" for="ch" forName="text_4" refType="ctrXOff" refFor="ch" refForName="accent_4"/>
                <dgm:constr type="l" for="ch" forName="text_4"/>
                <dgm:constr type="w" for="ch" forName="text_4" refType="h" refFor="ch" refForName="text_4" op="gte"/>
                <dgm:constr type="h" for="ch" forName="text_4" refType="h" refFor="ch" refForName="accent_4" fact="0.8"/>
                <dgm:constr type="ctrY" for="ch" forName="text_4" refType="ctrY" refFor="ch" refForName="accent_4"/>
                <dgm:constr type="rMarg" for="ch" forName="text_4" refType="w" refFor="ch" refForName="accent_4" fact="1.8"/>
                <dgm:constr type="h" for="ch" forName="accent_5" refType="h" fact="0.1316"/>
                <dgm:constr type="w" for="ch" forName="accent_5" refType="h" refFor="ch" refForName="accent_5" op="equ"/>
                <dgm:constr type="ctrY" for="ch" forName="accent_5" refType="h" fact="0.7368"/>
                <dgm:constr type="ctrX" for="ch" forName="accent_5" refType="w"/>
                <dgm:constr type="ctrXOff" for="ch" forName="accent_5" refType="h" fact="-0.1809"/>
                <dgm:constr type="r" for="ch" forName="text_5" refType="ctrX" refFor="ch" refForName="accent_5"/>
                <dgm:constr type="rOff" for="ch" forName="text_5" refType="ctrXOff" refFor="ch" refForName="accent_5"/>
                <dgm:constr type="l" for="ch" forName="text_5"/>
                <dgm:constr type="w" for="ch" forName="text_5" refType="h" refFor="ch" refForName="text_5" op="gte"/>
                <dgm:constr type="h" for="ch" forName="text_5" refType="h" refFor="ch" refForName="accent_5" fact="0.8"/>
                <dgm:constr type="ctrY" for="ch" forName="text_5" refType="ctrY" refFor="ch" refForName="accent_5"/>
                <dgm:constr type="rMarg" for="ch" forName="text_5" refType="w" refFor="ch" refForName="accent_5" fact="1.8"/>
                <dgm:constr type="h" for="ch" forName="accent_6" refType="h" fact="0.1316"/>
                <dgm:constr type="w" for="ch" forName="accent_6" refType="h" refFor="ch" refForName="accent_6" op="equ"/>
                <dgm:constr type="ctrY" for="ch" forName="accent_6" refType="h" fact="0.8947"/>
                <dgm:constr type="ctrX" for="ch" forName="accent_6" refType="w"/>
                <dgm:constr type="ctrXOff" for="ch" forName="accent_6" refType="h" fact="-0.0943"/>
                <dgm:constr type="r" for="ch" forName="text_6" refType="ctrX" refFor="ch" refForName="accent_6"/>
                <dgm:constr type="rOff" for="ch" forName="text_6" refType="ctrXOff" refFor="ch" refForName="accent_6"/>
                <dgm:constr type="l" for="ch" forName="text_6"/>
                <dgm:constr type="w" for="ch" forName="text_6" refType="h" refFor="ch" refForName="text_6" op="gte"/>
                <dgm:constr type="h" for="ch" forName="text_6" refType="h" refFor="ch" refForName="accent_6" fact="0.8"/>
                <dgm:constr type="ctrY" for="ch" forName="text_6" refType="ctrY" refFor="ch" refForName="accent_6"/>
                <dgm:constr type="rMarg" for="ch" forName="text_6" refType="w" refFor="ch" refForName="accent_6" fact="1.8"/>
                <dgm:constr type="primFontSz" for="ch" ptType="node" op="equ" val="65"/>
              </dgm:constrLst>
            </dgm:if>
            <dgm:else name="Name20">
              <dgm:constrLst>
                <dgm:constr type="h" for="ch" forName="cycle" refType="h"/>
                <dgm:constr type="w" for="ch" forName="cycle" refType="h" refFor="ch" refForName="cycle" fact="0.26"/>
                <dgm:constr type="r" for="ch" forName="cycle" refType="w"/>
                <dgm:constr type="ctrY" for="ch" forName="cycle" refType="h" fact="0.5"/>
                <dgm:constr type="diam" for="ch" forName="cycle" refType="h" fact="1.344"/>
                <dgm:constr type="h" for="ch" forName="accent_1" refType="h" fact="0.1136"/>
                <dgm:constr type="w" for="ch" forName="accent_1" refType="h" refFor="ch" refForName="accent_1" op="equ"/>
                <dgm:constr type="ctrY" for="ch" forName="accent_1" refType="h" fact="0.0909"/>
                <dgm:constr type="ctrX" for="ch" forName="accent_1" refType="w"/>
                <dgm:constr type="ctrXOff" for="ch" forName="accent_1" refType="h" fact="-0.0835"/>
                <dgm:constr type="r" for="ch" forName="text_1" refType="ctrX" refFor="ch" refForName="accent_1"/>
                <dgm:constr type="rOff" for="ch" forName="text_1" refType="ctrXOff" refFor="ch" refForName="accent_1"/>
                <dgm:constr type="l" for="ch" forName="text_1"/>
                <dgm:constr type="w" for="ch" forName="text_1" refType="h" refFor="ch" refForName="text_1" op="gte"/>
                <dgm:constr type="h" for="ch" forName="text_1" refType="h" refFor="ch" refForName="accent_1" fact="0.8"/>
                <dgm:constr type="ctrY" for="ch" forName="text_1" refType="ctrY" refFor="ch" refForName="accent_1"/>
                <dgm:constr type="rMarg" for="ch" forName="text_1" refType="w" refFor="ch" refForName="accent_1" fact="1.8"/>
                <dgm:constr type="h" for="ch" forName="accent_2" refType="h" fact="0.1136"/>
                <dgm:constr type="w" for="ch" forName="accent_2" refType="h" refFor="ch" refForName="accent_2" op="equ"/>
                <dgm:constr type="ctrY" for="ch" forName="accent_2" refType="h" fact="0.2273"/>
                <dgm:constr type="ctrX" for="ch" forName="accent_2" refType="w"/>
                <dgm:constr type="ctrXOff" for="ch" forName="accent_2" refType="h" fact="-0.1658"/>
                <dgm:constr type="r" for="ch" forName="text_2" refType="ctrX" refFor="ch" refForName="accent_2"/>
                <dgm:constr type="rOff" for="ch" forName="text_2" refType="ctrXOff" refFor="ch" refForName="accent_2"/>
                <dgm:constr type="l" for="ch" forName="text_2"/>
                <dgm:constr type="w" for="ch" forName="text_2" refType="h" refFor="ch" refForName="text_2" op="gte"/>
                <dgm:constr type="h" for="ch" forName="text_2" refType="h" refFor="ch" refForName="accent_2" fact="0.8"/>
                <dgm:constr type="ctrY" for="ch" forName="text_2" refType="ctrY" refFor="ch" refForName="accent_2"/>
                <dgm:constr type="rMarg" for="ch" forName="text_2" refType="w" refFor="ch" refForName="accent_2" fact="1.8"/>
                <dgm:constr type="h" for="ch" forName="accent_3" refType="h" fact="0.1136"/>
                <dgm:constr type="w" for="ch" forName="accent_3" refType="h" refFor="ch" refForName="accent_3" op="equ"/>
                <dgm:constr type="ctrY" for="ch" forName="accent_3" refType="h" fact="0.3636"/>
                <dgm:constr type="ctrX" for="ch" forName="accent_3" refType="w"/>
                <dgm:constr type="ctrXOff" for="ch" forName="accent_3" refType="h" fact="-0.2109"/>
                <dgm:constr type="r" for="ch" forName="text_3" refType="ctrX" refFor="ch" refForName="accent_3"/>
                <dgm:constr type="rOff" for="ch" forName="text_3" refType="ctrXOff" refFor="ch" refForName="accent_3"/>
                <dgm:constr type="l" for="ch" forName="text_3"/>
                <dgm:constr type="w" for="ch" forName="text_3" refType="h" refFor="ch" refForName="text_3" op="gte"/>
                <dgm:constr type="h" for="ch" forName="text_3" refType="h" refFor="ch" refForName="accent_3" fact="0.8"/>
                <dgm:constr type="ctrY" for="ch" forName="text_3" refType="ctrY" refFor="ch" refForName="accent_3"/>
                <dgm:constr type="rMarg" for="ch" forName="text_3" refType="w" refFor="ch" refForName="accent_3" fact="1.8"/>
                <dgm:constr type="h" for="ch" forName="accent_4" refType="h" fact="0.1136"/>
                <dgm:constr type="w" for="ch" forName="accent_4" refType="h" refFor="ch" refForName="accent_4" op="equ"/>
                <dgm:constr type="ctrY" for="ch" forName="accent_4" refType="h" fact="0.5"/>
                <dgm:constr type="ctrX" for="ch" forName="accent_4" refType="w"/>
                <dgm:constr type="ctrXOff" for="ch" forName="accent_4" refType="h" fact="-0.2253"/>
                <dgm:constr type="r" for="ch" forName="text_4" refType="ctrX" refFor="ch" refForName="accent_4"/>
                <dgm:constr type="rOff" for="ch" forName="text_4" refType="ctrXOff" refFor="ch" refForName="accent_4"/>
                <dgm:constr type="l" for="ch" forName="text_4"/>
                <dgm:constr type="w" for="ch" forName="text_4" refType="h" refFor="ch" refForName="text_4" op="gte"/>
                <dgm:constr type="h" for="ch" forName="text_4" refType="h" refFor="ch" refForName="accent_4" fact="0.8"/>
                <dgm:constr type="ctrY" for="ch" forName="text_4" refType="ctrY" refFor="ch" refForName="accent_4"/>
                <dgm:constr type="rMarg" for="ch" forName="text_4" refType="w" refFor="ch" refForName="accent_4" fact="1.8"/>
                <dgm:constr type="h" for="ch" forName="accent_5" refType="h" fact="0.1136"/>
                <dgm:constr type="w" for="ch" forName="accent_5" refType="h" refFor="ch" refForName="accent_5" op="equ"/>
                <dgm:constr type="ctrY" for="ch" forName="accent_5" refType="h" fact="0.6364"/>
                <dgm:constr type="ctrX" for="ch" forName="accent_5" refType="w"/>
                <dgm:constr type="ctrXOff" for="ch" forName="accent_5" refType="h" fact="-0.2109"/>
                <dgm:constr type="r" for="ch" forName="text_5" refType="ctrX" refFor="ch" refForName="accent_5"/>
                <dgm:constr type="rOff" for="ch" forName="text_5" refType="ctrXOff" refFor="ch" refForName="accent_5"/>
                <dgm:constr type="l" for="ch" forName="text_5"/>
                <dgm:constr type="w" for="ch" forName="text_5" refType="h" refFor="ch" refForName="text_5" op="gte"/>
                <dgm:constr type="h" for="ch" forName="text_5" refType="h" refFor="ch" refForName="accent_5" fact="0.8"/>
                <dgm:constr type="ctrY" for="ch" forName="text_5" refType="ctrY" refFor="ch" refForName="accent_5"/>
                <dgm:constr type="rMarg" for="ch" forName="text_5" refType="w" refFor="ch" refForName="accent_5" fact="1.8"/>
                <dgm:constr type="h" for="ch" forName="accent_6" refType="h" fact="0.1136"/>
                <dgm:constr type="w" for="ch" forName="accent_6" refType="h" refFor="ch" refForName="accent_6" op="equ"/>
                <dgm:constr type="ctrY" for="ch" forName="accent_6" refType="h" fact="0.7727"/>
                <dgm:constr type="ctrX" for="ch" forName="accent_6" refType="w"/>
                <dgm:constr type="ctrXOff" for="ch" forName="accent_6" refType="h" fact="-0.1658"/>
                <dgm:constr type="r" for="ch" forName="text_6" refType="ctrX" refFor="ch" refForName="accent_6"/>
                <dgm:constr type="rOff" for="ch" forName="text_6" refType="ctrXOff" refFor="ch" refForName="accent_6"/>
                <dgm:constr type="l" for="ch" forName="text_6"/>
                <dgm:constr type="w" for="ch" forName="text_6" refType="h" refFor="ch" refForName="text_6" op="gte"/>
                <dgm:constr type="h" for="ch" forName="text_6" refType="h" refFor="ch" refForName="accent_6" fact="0.8"/>
                <dgm:constr type="ctrY" for="ch" forName="text_6" refType="ctrY" refFor="ch" refForName="accent_6"/>
                <dgm:constr type="rMarg" for="ch" forName="text_6" refType="w" refFor="ch" refForName="accent_6" fact="1.8"/>
                <dgm:constr type="h" for="ch" forName="accent_7" refType="h" fact="0.1136"/>
                <dgm:constr type="w" for="ch" forName="accent_7" refType="h" refFor="ch" refForName="accent_7" op="equ"/>
                <dgm:constr type="ctrY" for="ch" forName="accent_7" refType="h" fact="0.9091"/>
                <dgm:constr type="ctrX" for="ch" forName="accent_7" refType="w"/>
                <dgm:constr type="ctrXOff" for="ch" forName="accent_7" refType="h" fact="-0.0835"/>
                <dgm:constr type="r" for="ch" forName="text_7" refType="ctrX" refFor="ch" refForName="accent_7"/>
                <dgm:constr type="rOff" for="ch" forName="text_7" refType="ctrXOff" refFor="ch" refForName="accent_7"/>
                <dgm:constr type="l" for="ch" forName="text_7"/>
                <dgm:constr type="w" for="ch" forName="text_7" refType="h" refFor="ch" refForName="text_7" op="gte"/>
                <dgm:constr type="h" for="ch" forName="text_7" refType="h" refFor="ch" refForName="accent_7" fact="0.8"/>
                <dgm:constr type="ctrY" for="ch" forName="text_7" refType="ctrY" refFor="ch" refForName="accent_7"/>
                <dgm:constr type="rMarg" for="ch" forName="text_7" refType="w" refFor="ch" refForName="accent_7" fact="1.8"/>
                <dgm:constr type="primFontSz" for="ch" ptType="node" op="equ" val="65"/>
              </dgm:constrLst>
            </dgm:else>
          </dgm:choose>
        </dgm:else>
      </dgm:choose>
      <dgm:layoutNode name="cycle">
        <dgm:choose name="Name21">
          <dgm:if name="Name22" func="var" arg="dir" op="equ" val="norm">
            <dgm:alg type="cycle">
              <dgm:param type="stAng" val="45"/>
              <dgm:param type="spanAng" val="90"/>
            </dgm:alg>
          </dgm:if>
          <dgm:else name="Name23">
            <dgm:alg type="cycle">
              <dgm:param type="stAng" val="225"/>
              <dgm:param type="spanAng" val="90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w" for="ch" val="1"/>
          <dgm:constr type="h" for="ch" val="1"/>
          <dgm:constr type="diam" for="ch" forName="conn" refType="diam"/>
        </dgm:constrLst>
        <dgm:layoutNode name="srcNode">
          <dgm:alg type="sp"/>
          <dgm:shape xmlns:r="http://schemas.openxmlformats.org/officeDocument/2006/relationships" type="rect" r:blip="" hideGeom="1">
            <dgm:adjLst/>
          </dgm:shape>
          <dgm:presOf/>
        </dgm:layoutNode>
        <dgm:layoutNode name="conn" styleLbl="parChTrans1D2">
          <dgm:alg type="conn">
            <dgm:param type="connRout" val="curve"/>
            <dgm:param type="srcNode" val="srcNode"/>
            <dgm:param type="dstNode" val="dstNode"/>
            <dgm:param type="begPts" val="ctr"/>
            <dgm:param type="endPts" val="ctr"/>
            <dgm:param type="endSty" val="noArr"/>
          </dgm:alg>
          <dgm:shape xmlns:r="http://schemas.openxmlformats.org/officeDocument/2006/relationships" type="conn" r:blip="">
            <dgm:adjLst/>
          </dgm:shape>
          <dgm:presOf axis="desOrSelf" ptType="sibTrans" hideLastTrans="0" st="0" cnt="1"/>
          <dgm:constrLst>
            <dgm:constr type="begPad"/>
            <dgm:constr type="endPad"/>
          </dgm:constrLst>
        </dgm:layoutNode>
        <dgm:layoutNode name="extraNode">
          <dgm:alg type="sp"/>
          <dgm:shape xmlns:r="http://schemas.openxmlformats.org/officeDocument/2006/relationships" type="rect" r:blip="" hideGeom="1">
            <dgm:adjLst/>
          </dgm:shape>
          <dgm:presOf/>
        </dgm:layoutNode>
        <dgm:layoutNode name="dstNode">
          <dgm:alg type="sp"/>
          <dgm:shape xmlns:r="http://schemas.openxmlformats.org/officeDocument/2006/relationships" type="rect" r:blip="" hideGeom="1">
            <dgm:adjLst/>
          </dgm:shape>
          <dgm:presOf/>
        </dgm:layoutNode>
      </dgm:layoutNode>
      <dgm:forEach name="wrapper" axis="self" ptType="parTrans">
        <dgm:forEach name="wrapper2" axis="self" ptType="sibTrans" st="2">
          <dgm:forEach name="accentRepeat" axis="self">
            <dgm:layoutNode name="accentRepeatNode" styleLbl="solidFgAcc1">
              <dgm:alg type="sp"/>
              <dgm:shape xmlns:r="http://schemas.openxmlformats.org/officeDocument/2006/relationships" type="ellipse" r:blip="">
                <dgm:adjLst/>
              </dgm:shape>
              <dgm:presOf/>
            </dgm:layoutNode>
          </dgm:forEach>
        </dgm:forEach>
      </dgm:forEach>
      <dgm:forEach name="Name24" axis="ch" ptType="node" cnt="1">
        <dgm:layoutNode name="text_1" styleLbl="node1">
          <dgm:varLst>
            <dgm:bulletEnabled val="1"/>
          </dgm:varLst>
          <dgm:choose name="Name25">
            <dgm:if name="Name26" func="var" arg="dir" op="equ" val="norm">
              <dgm:alg type="tx">
                <dgm:param type="parTxLTRAlign" val="l"/>
                <dgm:param type="shpTxLTRAlignCh" val="l"/>
                <dgm:param type="parTxRTLAlign" val="l"/>
                <dgm:param type="shpTxRTLAlignCh" val="l"/>
              </dgm:alg>
            </dgm:if>
            <dgm:else name="Name27">
              <dgm:alg type="tx">
                <dgm:param type="parTxLTRAlign" val="r"/>
                <dgm:param type="shpTxLTRAlignCh" val="r"/>
                <dgm:param type="parTxRTLAlign" val="r"/>
                <dgm:param type="shpTxRTLAlignCh" val="r"/>
              </dgm:alg>
            </dgm:else>
          </dgm:choose>
          <dgm:shape xmlns:r="http://schemas.openxmlformats.org/officeDocument/2006/relationships" type="rect" r:blip="">
            <dgm:adjLst/>
          </dgm:shape>
          <dgm:presOf axis="desOrSelf" ptType="node"/>
          <dgm:constrLst>
            <dgm:constr type="primFontSz" val="65"/>
            <dgm:constr type="lMarg" refType="primFontSz" fact="0.2"/>
            <dgm:constr type="rMarg" refType="primFontSz" fact="0.2"/>
            <dgm:constr type="tMarg" refType="primFontSz" fact="0.2"/>
            <dgm:constr type="bMarg" refType="primFontSz" fact="0.2"/>
          </dgm:constrLst>
          <dgm:ruleLst>
            <dgm:rule type="primFontSz" val="5" fact="NaN" max="NaN"/>
          </dgm:ruleLst>
        </dgm:layoutNode>
        <dgm:layoutNode name="accent_1">
          <dgm:alg type="sp"/>
          <dgm:shape xmlns:r="http://schemas.openxmlformats.org/officeDocument/2006/relationships" r:blip="">
            <dgm:adjLst/>
          </dgm:shape>
          <dgm:presOf/>
          <dgm:constrLst/>
          <dgm:forEach name="Name28" ref="accentRepeat"/>
        </dgm:layoutNode>
      </dgm:forEach>
      <dgm:forEach name="Name29" axis="ch" ptType="node" st="2" cnt="1">
        <dgm:layoutNode name="text_2" styleLbl="node1">
          <dgm:varLst>
            <dgm:bulletEnabled val="1"/>
          </dgm:varLst>
          <dgm:choose name="Name30">
            <dgm:if name="Name31" func="var" arg="dir" op="equ" val="norm">
              <dgm:alg type="tx">
                <dgm:param type="parTxLTRAlign" val="l"/>
                <dgm:param type="shpTxLTRAlignCh" val="l"/>
                <dgm:param type="parTxRTLAlign" val="l"/>
                <dgm:param type="shpTxRTLAlignCh" val="l"/>
              </dgm:alg>
            </dgm:if>
            <dgm:else name="Name32">
              <dgm:alg type="tx">
                <dgm:param type="parTxLTRAlign" val="r"/>
                <dgm:param type="shpTxLTRAlignCh" val="r"/>
                <dgm:param type="parTxRTLAlign" val="r"/>
                <dgm:param type="shpTxRTLAlignCh" val="r"/>
              </dgm:alg>
            </dgm:else>
          </dgm:choose>
          <dgm:shape xmlns:r="http://schemas.openxmlformats.org/officeDocument/2006/relationships" type="rect" r:blip="">
            <dgm:adjLst/>
          </dgm:shape>
          <dgm:presOf axis="desOrSelf" ptType="node"/>
          <dgm:constrLst>
            <dgm:constr type="primFontSz" val="65"/>
            <dgm:constr type="lMarg" refType="primFontSz" fact="0.2"/>
            <dgm:constr type="rMarg" refType="primFontSz" fact="0.2"/>
            <dgm:constr type="tMarg" refType="primFontSz" fact="0.2"/>
            <dgm:constr type="bMarg" refType="primFontSz" fact="0.2"/>
          </dgm:constrLst>
          <dgm:ruleLst>
            <dgm:rule type="primFontSz" val="5" fact="NaN" max="NaN"/>
          </dgm:ruleLst>
        </dgm:layoutNode>
        <dgm:layoutNode name="accent_2">
          <dgm:alg type="sp"/>
          <dgm:shape xmlns:r="http://schemas.openxmlformats.org/officeDocument/2006/relationships" r:blip="">
            <dgm:adjLst/>
          </dgm:shape>
          <dgm:presOf/>
          <dgm:constrLst/>
          <dgm:forEach name="Name33" ref="accentRepeat"/>
        </dgm:layoutNode>
      </dgm:forEach>
      <dgm:forEach name="Name34" axis="ch" ptType="node" st="3" cnt="1">
        <dgm:layoutNode name="text_3" styleLbl="node1">
          <dgm:varLst>
            <dgm:bulletEnabled val="1"/>
          </dgm:varLst>
          <dgm:choose name="Name35">
            <dgm:if name="Name36" func="var" arg="dir" op="equ" val="norm">
              <dgm:alg type="tx">
                <dgm:param type="parTxLTRAlign" val="l"/>
                <dgm:param type="shpTxLTRAlignCh" val="l"/>
                <dgm:param type="parTxRTLAlign" val="l"/>
                <dgm:param type="shpTxRTLAlignCh" val="l"/>
              </dgm:alg>
            </dgm:if>
            <dgm:else name="Name37">
              <dgm:alg type="tx">
                <dgm:param type="parTxLTRAlign" val="r"/>
                <dgm:param type="shpTxLTRAlignCh" val="r"/>
                <dgm:param type="parTxRTLAlign" val="r"/>
                <dgm:param type="shpTxRTLAlignCh" val="r"/>
              </dgm:alg>
            </dgm:else>
          </dgm:choose>
          <dgm:shape xmlns:r="http://schemas.openxmlformats.org/officeDocument/2006/relationships" type="rect" r:blip="">
            <dgm:adjLst/>
          </dgm:shape>
          <dgm:presOf axis="desOrSelf" ptType="node"/>
          <dgm:constrLst>
            <dgm:constr type="primFontSz" val="65"/>
            <dgm:constr type="lMarg" refType="primFontSz" fact="0.2"/>
            <dgm:constr type="rMarg" refType="primFontSz" fact="0.2"/>
            <dgm:constr type="tMarg" refType="primFontSz" fact="0.2"/>
            <dgm:constr type="bMarg" refType="primFontSz" fact="0.2"/>
          </dgm:constrLst>
          <dgm:ruleLst>
            <dgm:rule type="primFontSz" val="5" fact="NaN" max="NaN"/>
          </dgm:ruleLst>
        </dgm:layoutNode>
        <dgm:layoutNode name="accent_3">
          <dgm:alg type="sp"/>
          <dgm:shape xmlns:r="http://schemas.openxmlformats.org/officeDocument/2006/relationships" r:blip="">
            <dgm:adjLst/>
          </dgm:shape>
          <dgm:presOf/>
          <dgm:constrLst/>
          <dgm:forEach name="Name38" ref="accentRepeat"/>
        </dgm:layoutNode>
      </dgm:forEach>
      <dgm:forEach name="Name39" axis="ch" ptType="node" st="4" cnt="1">
        <dgm:layoutNode name="text_4" styleLbl="node1">
          <dgm:varLst>
            <dgm:bulletEnabled val="1"/>
          </dgm:varLst>
          <dgm:choose name="Name40">
            <dgm:if name="Name41" func="var" arg="dir" op="equ" val="norm">
              <dgm:alg type="tx">
                <dgm:param type="parTxLTRAlign" val="l"/>
                <dgm:param type="shpTxLTRAlignCh" val="l"/>
                <dgm:param type="parTxRTLAlign" val="l"/>
                <dgm:param type="shpTxRTLAlignCh" val="l"/>
              </dgm:alg>
            </dgm:if>
            <dgm:else name="Name42">
              <dgm:alg type="tx">
                <dgm:param type="parTxLTRAlign" val="r"/>
                <dgm:param type="shpTxLTRAlignCh" val="r"/>
                <dgm:param type="parTxRTLAlign" val="r"/>
                <dgm:param type="shpTxRTLAlignCh" val="r"/>
              </dgm:alg>
            </dgm:else>
          </dgm:choose>
          <dgm:shape xmlns:r="http://schemas.openxmlformats.org/officeDocument/2006/relationships" type="rect" r:blip="">
            <dgm:adjLst/>
          </dgm:shape>
          <dgm:presOf axis="desOrSelf" ptType="node"/>
          <dgm:constrLst>
            <dgm:constr type="primFontSz" val="65"/>
            <dgm:constr type="lMarg" refType="primFontSz" fact="0.2"/>
            <dgm:constr type="rMarg" refType="primFontSz" fact="0.2"/>
            <dgm:constr type="tMarg" refType="primFontSz" fact="0.2"/>
            <dgm:constr type="bMarg" refType="primFontSz" fact="0.2"/>
          </dgm:constrLst>
          <dgm:ruleLst>
            <dgm:rule type="primFontSz" val="5" fact="NaN" max="NaN"/>
          </dgm:ruleLst>
        </dgm:layoutNode>
        <dgm:layoutNode name="accent_4">
          <dgm:alg type="sp"/>
          <dgm:shape xmlns:r="http://schemas.openxmlformats.org/officeDocument/2006/relationships" r:blip="">
            <dgm:adjLst/>
          </dgm:shape>
          <dgm:presOf/>
          <dgm:constrLst/>
          <dgm:forEach name="Name43" ref="accentRepeat"/>
        </dgm:layoutNode>
      </dgm:forEach>
      <dgm:forEach name="Name44" axis="ch" ptType="node" st="5" cnt="1">
        <dgm:layoutNode name="text_5" styleLbl="node1">
          <dgm:varLst>
            <dgm:bulletEnabled val="1"/>
          </dgm:varLst>
          <dgm:choose name="Name45">
            <dgm:if name="Name46" func="var" arg="dir" op="equ" val="norm">
              <dgm:alg type="tx">
                <dgm:param type="parTxLTRAlign" val="l"/>
                <dgm:param type="shpTxLTRAlignCh" val="l"/>
                <dgm:param type="parTxRTLAlign" val="l"/>
                <dgm:param type="shpTxRTLAlignCh" val="l"/>
              </dgm:alg>
            </dgm:if>
            <dgm:else name="Name47">
              <dgm:alg type="tx">
                <dgm:param type="parTxLTRAlign" val="r"/>
                <dgm:param type="shpTxLTRAlignCh" val="r"/>
                <dgm:param type="parTxRTLAlign" val="r"/>
                <dgm:param type="shpTxRTLAlignCh" val="r"/>
              </dgm:alg>
            </dgm:else>
          </dgm:choose>
          <dgm:shape xmlns:r="http://schemas.openxmlformats.org/officeDocument/2006/relationships" type="rect" r:blip="">
            <dgm:adjLst/>
          </dgm:shape>
          <dgm:presOf axis="desOrSelf" ptType="node"/>
          <dgm:constrLst>
            <dgm:constr type="primFontSz" val="65"/>
            <dgm:constr type="lMarg" refType="primFontSz" fact="0.2"/>
            <dgm:constr type="rMarg" refType="primFontSz" fact="0.2"/>
            <dgm:constr type="tMarg" refType="primFontSz" fact="0.2"/>
            <dgm:constr type="bMarg" refType="primFontSz" fact="0.2"/>
          </dgm:constrLst>
          <dgm:ruleLst>
            <dgm:rule type="primFontSz" val="5" fact="NaN" max="NaN"/>
          </dgm:ruleLst>
        </dgm:layoutNode>
        <dgm:layoutNode name="accent_5">
          <dgm:alg type="sp"/>
          <dgm:shape xmlns:r="http://schemas.openxmlformats.org/officeDocument/2006/relationships" r:blip="">
            <dgm:adjLst/>
          </dgm:shape>
          <dgm:presOf/>
          <dgm:constrLst/>
          <dgm:forEach name="Name48" ref="accentRepeat"/>
        </dgm:layoutNode>
      </dgm:forEach>
      <dgm:forEach name="Name49" axis="ch" ptType="node" st="6" cnt="1">
        <dgm:layoutNode name="text_6" styleLbl="node1">
          <dgm:varLst>
            <dgm:bulletEnabled val="1"/>
          </dgm:varLst>
          <dgm:choose name="Name50">
            <dgm:if name="Name51" func="var" arg="dir" op="equ" val="norm">
              <dgm:alg type="tx">
                <dgm:param type="parTxLTRAlign" val="l"/>
                <dgm:param type="shpTxLTRAlignCh" val="l"/>
                <dgm:param type="parTxRTLAlign" val="l"/>
                <dgm:param type="shpTxRTLAlignCh" val="l"/>
              </dgm:alg>
            </dgm:if>
            <dgm:else name="Name52">
              <dgm:alg type="tx">
                <dgm:param type="parTxLTRAlign" val="r"/>
                <dgm:param type="shpTxLTRAlignCh" val="r"/>
                <dgm:param type="parTxRTLAlign" val="r"/>
                <dgm:param type="shpTxRTLAlignCh" val="r"/>
              </dgm:alg>
            </dgm:else>
          </dgm:choose>
          <dgm:shape xmlns:r="http://schemas.openxmlformats.org/officeDocument/2006/relationships" type="rect" r:blip="">
            <dgm:adjLst/>
          </dgm:shape>
          <dgm:presOf axis="desOrSelf" ptType="node"/>
          <dgm:constrLst>
            <dgm:constr type="primFontSz" val="65"/>
            <dgm:constr type="lMarg" refType="primFontSz" fact="0.2"/>
            <dgm:constr type="rMarg" refType="primFontSz" fact="0.2"/>
            <dgm:constr type="tMarg" refType="primFontSz" fact="0.2"/>
            <dgm:constr type="bMarg" refType="primFontSz" fact="0.2"/>
          </dgm:constrLst>
          <dgm:ruleLst>
            <dgm:rule type="primFontSz" val="5" fact="NaN" max="NaN"/>
          </dgm:ruleLst>
        </dgm:layoutNode>
        <dgm:layoutNode name="accent_6">
          <dgm:alg type="sp"/>
          <dgm:shape xmlns:r="http://schemas.openxmlformats.org/officeDocument/2006/relationships" r:blip="">
            <dgm:adjLst/>
          </dgm:shape>
          <dgm:presOf/>
          <dgm:constrLst/>
          <dgm:forEach name="Name53" ref="accentRepeat"/>
        </dgm:layoutNode>
      </dgm:forEach>
      <dgm:forEach name="Name54" axis="ch" ptType="node" st="7" cnt="1">
        <dgm:layoutNode name="text_7" styleLbl="node1">
          <dgm:varLst>
            <dgm:bulletEnabled val="1"/>
          </dgm:varLst>
          <dgm:choose name="Name55">
            <dgm:if name="Name56" func="var" arg="dir" op="equ" val="norm">
              <dgm:alg type="tx">
                <dgm:param type="parTxLTRAlign" val="l"/>
                <dgm:param type="shpTxLTRAlignCh" val="l"/>
                <dgm:param type="parTxRTLAlign" val="l"/>
                <dgm:param type="shpTxRTLAlignCh" val="l"/>
              </dgm:alg>
            </dgm:if>
            <dgm:else name="Name57">
              <dgm:alg type="tx">
                <dgm:param type="parTxLTRAlign" val="r"/>
                <dgm:param type="shpTxLTRAlignCh" val="r"/>
                <dgm:param type="parTxRTLAlign" val="r"/>
                <dgm:param type="shpTxRTLAlignCh" val="r"/>
              </dgm:alg>
            </dgm:else>
          </dgm:choose>
          <dgm:shape xmlns:r="http://schemas.openxmlformats.org/officeDocument/2006/relationships" type="rect" r:blip="">
            <dgm:adjLst/>
          </dgm:shape>
          <dgm:presOf axis="desOrSelf" ptType="node"/>
          <dgm:constrLst>
            <dgm:constr type="primFontSz" val="65"/>
            <dgm:constr type="lMarg" refType="primFontSz" fact="0.2"/>
            <dgm:constr type="rMarg" refType="primFontSz" fact="0.2"/>
            <dgm:constr type="tMarg" refType="primFontSz" fact="0.2"/>
            <dgm:constr type="bMarg" refType="primFontSz" fact="0.2"/>
          </dgm:constrLst>
          <dgm:ruleLst>
            <dgm:rule type="primFontSz" val="5" fact="NaN" max="NaN"/>
          </dgm:ruleLst>
        </dgm:layoutNode>
        <dgm:layoutNode name="accent_7">
          <dgm:alg type="sp"/>
          <dgm:shape xmlns:r="http://schemas.openxmlformats.org/officeDocument/2006/relationships" r:blip="">
            <dgm:adjLst/>
          </dgm:shape>
          <dgm:presOf/>
          <dgm:constrLst/>
          <dgm:forEach name="Name58" ref="accentRepeat"/>
        </dgm:layoutNode>
      </dgm:forEach>
    </dgm:layoutNode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lProcess2">
  <dgm:title val=""/>
  <dgm:desc val=""/>
  <dgm:catLst>
    <dgm:cat type="list" pri="10000"/>
    <dgm:cat type="relationship" pri="13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14" srcId="1" destId="12" srcOrd="0" destOrd="0"/>
        <dgm:cxn modelId="23" srcId="2" destId="21" srcOrd="0" destOrd="0"/>
        <dgm:cxn modelId="24" srcId="2" destId="22" srcOrd="0" destOrd="0"/>
        <dgm:cxn modelId="33" srcId="3" destId="31" srcOrd="0" destOrd="0"/>
        <dgm:cxn modelId="34" srcId="3" destId="32" srcOrd="0" destOrd="0"/>
      </dgm:cxnLst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theList">
    <dgm:varLst>
      <dgm:dir/>
      <dgm:animLvl val="lvl"/>
      <dgm:resizeHandles val="exact"/>
    </dgm:varLst>
    <dgm:choose name="Name0">
      <dgm:if name="Name1" func="var" arg="dir" op="equ" val="norm">
        <dgm:alg type="lin"/>
      </dgm:if>
      <dgm:else name="Name2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compNode" refType="w"/>
      <dgm:constr type="h" for="ch" forName="compNode" refType="h"/>
      <dgm:constr type="w" for="ch" forName="aSpace" refType="w" fact="0.075"/>
      <dgm:constr type="h" for="des" forName="aSpace2" refType="h" fact="0.1"/>
      <dgm:constr type="primFontSz" for="des" forName="textNode" op="equ"/>
      <dgm:constr type="primFontSz" for="des" forName="childNode" op="equ"/>
    </dgm:constrLst>
    <dgm:ruleLst/>
    <dgm:forEach name="aNodeForEach" axis="ch" ptType="node">
      <dgm:layoutNode name="compNode">
        <dgm:alg type="composite"/>
        <dgm:shape xmlns:r="http://schemas.openxmlformats.org/officeDocument/2006/relationships" r:blip="">
          <dgm:adjLst/>
        </dgm:shape>
        <dgm:presOf/>
        <dgm:constrLst>
          <dgm:constr type="w" for="ch" forName="aNode" refType="w"/>
          <dgm:constr type="h" for="ch" forName="aNode" refType="h"/>
          <dgm:constr type="w" for="ch" forName="textNode" refType="w"/>
          <dgm:constr type="h" for="ch" forName="textNode" refType="h" fact="0.3"/>
          <dgm:constr type="ctrX" for="ch" forName="textNode" refType="w" fact="0.5"/>
          <dgm:constr type="w" for="ch" forName="compChildNode" refType="w" fact="0.8"/>
          <dgm:constr type="h" for="ch" forName="compChildNode" refType="h" fact="0.65"/>
          <dgm:constr type="t" for="ch" forName="compChildNode" refType="h" fact="0.3"/>
          <dgm:constr type="ctrX" for="ch" forName="compChildNode" refType="w" fact="0.5"/>
        </dgm:constrLst>
        <dgm:ruleLst/>
        <dgm:layoutNode name="aNode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 axis="self"/>
          <dgm:constrLst/>
          <dgm:ruleLst/>
        </dgm:layoutNode>
        <dgm:layoutNode name="textNode" styleLbl="bgShp">
          <dgm:alg type="tx"/>
          <dgm:shape xmlns:r="http://schemas.openxmlformats.org/officeDocument/2006/relationships" type="rect" r:blip="" hideGeom="1">
            <dgm:adjLst>
              <dgm:adj idx="1" val="0.1"/>
            </dgm:adjLst>
          </dgm:shape>
          <dgm:presOf axis="self"/>
          <dgm:constrLst>
            <dgm:constr type="primFontSz" val="65"/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  <dgm:layoutNode name="compChildNode">
          <dgm:alg type="composite"/>
          <dgm:shape xmlns:r="http://schemas.openxmlformats.org/officeDocument/2006/relationships" r:blip="">
            <dgm:adjLst/>
          </dgm:shape>
          <dgm:presOf/>
          <dgm:constrLst>
            <dgm:constr type="w" for="des" forName="childNode" refType="w"/>
            <dgm:constr type="h" for="des" forName="childNode" refType="h"/>
          </dgm:constrLst>
          <dgm:ruleLst/>
          <dgm:layoutNode name="theInnerList">
            <dgm:alg type="lin">
              <dgm:param type="linDir" val="fromT"/>
            </dgm:alg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childNodeForEach" axis="ch" ptType="node">
              <dgm:layoutNode name="childNode" styleLbl="node1">
                <dgm:varLst>
                  <dgm:bulletEnabled val="1"/>
                </dgm:varLst>
                <dgm:alg type="tx"/>
                <dgm:shape xmlns:r="http://schemas.openxmlformats.org/officeDocument/2006/relationships" type="roundRect" r:blip="">
                  <dgm:adjLst>
                    <dgm:adj idx="1" val="0.1"/>
                  </dgm:adjLst>
                </dgm:shape>
                <dgm:presOf axis="desOrSelf" ptType="node"/>
                <dgm:constrLst>
                  <dgm:constr type="primFontSz" val="65"/>
                  <dgm:constr type="tMarg" refType="primFontSz" fact="0.15"/>
                  <dgm:constr type="bMarg" refType="primFontSz" fact="0.15"/>
                  <dgm:constr type="lMarg" refType="primFontSz" fact="0.2"/>
                  <dgm:constr type="rMarg" refType="primFontSz" fact="0.2"/>
                </dgm:constrLst>
                <dgm:ruleLst>
                  <dgm:rule type="primFontSz" val="5" fact="NaN" max="NaN"/>
                </dgm:ruleLst>
              </dgm:layoutNode>
              <dgm:choose name="Name3">
                <dgm:if name="Name4" axis="self" ptType="node" func="revPos" op="equ" val="1"/>
                <dgm:else name="Name5">
                  <dgm:layoutNode name="aSpace2">
                    <dgm:alg type="sp"/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</dgm:layoutNode>
                </dgm:else>
              </dgm:choose>
            </dgm:forEach>
          </dgm:layoutNode>
        </dgm:layoutNode>
      </dgm:layoutNode>
      <dgm:choose name="Name6">
        <dgm:if name="Name7" axis="self" ptType="node" func="revPos" op="equ" val="1"/>
        <dgm:else name="Name8">
          <dgm:layoutNode name="aSpace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else>
      </dgm:choose>
    </dgm:forEach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chevron2">
  <dgm:title val=""/>
  <dgm:desc val=""/>
  <dgm:catLst>
    <dgm:cat type="process" pri="12000"/>
    <dgm:cat type="list" pri="16000"/>
    <dgm:cat type="convert" pri="1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</dgm:ptLst>
      <dgm:cxnLst>
        <dgm:cxn modelId="4" srcId="0" destId="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linearFlow">
    <dgm:varLst>
      <dgm:dir/>
      <dgm:animLvl val="lvl"/>
      <dgm:resizeHandles val="exact"/>
    </dgm:varLst>
    <dgm:alg type="lin">
      <dgm:param type="linDir" val="fromT"/>
      <dgm:param type="nodeHorzAlign" val="l"/>
    </dgm:alg>
    <dgm:shape xmlns:r="http://schemas.openxmlformats.org/officeDocument/2006/relationships" r:blip="">
      <dgm:adjLst/>
    </dgm:shape>
    <dgm:presOf/>
    <dgm:constrLst>
      <dgm:constr type="h" for="ch" forName="composite" refType="h"/>
      <dgm:constr type="w" for="ch" forName="composite" refType="w"/>
      <dgm:constr type="h" for="des" forName="parentText" op="equ"/>
      <dgm:constr type="h" for="ch" forName="sp" val="-14.88"/>
      <dgm:constr type="h" for="ch" forName="sp" refType="w" refFor="des" refForName="parentText" op="gte" fact="-0.3"/>
      <dgm:constr type="primFontSz" for="des" forName="parentText" op="equ" val="65"/>
      <dgm:constr type="primFontSz" for="des" forName="descendantText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t" for="ch" forName="parentText"/>
              <dgm:constr type="l" for="ch" forName="parentText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 refType="w" refFor="ch" refForName="pare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if>
          <dgm:else name="Name3">
            <dgm:constrLst>
              <dgm:constr type="t" for="ch" forName="parentText"/>
              <dgm:constr type="r" for="ch" forName="parentText" refType="w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else>
        </dgm:choose>
        <dgm:ruleLst/>
        <dgm:layoutNode name="parentText" styleLbl="alignNode1">
          <dgm:varLst>
            <dgm:chMax val="1"/>
            <dgm:bulletEnabled val="1"/>
          </dgm:varLst>
          <dgm:alg type="tx"/>
          <dgm:shape xmlns:r="http://schemas.openxmlformats.org/officeDocument/2006/relationships" rot="90" type="chevron" r:blip="">
            <dgm:adjLst/>
          </dgm:shape>
          <dgm:presOf axis="self" ptType="node"/>
          <dgm:constrLst>
            <dgm:constr type="lMarg" refType="primFontSz" fact="0.05"/>
            <dgm:constr type="rMarg" refType="primFontSz" fact="0.05"/>
            <dgm:constr type="tMarg" refType="primFontSz" fact="0.05"/>
            <dgm:constr type="bMarg" refType="primFontSz" fact="0.05"/>
          </dgm:constrLst>
          <dgm:ruleLst>
            <dgm:rule type="h" val="100" fact="NaN" max="NaN"/>
            <dgm:rule type="primFontSz" val="24" fact="NaN" max="NaN"/>
            <dgm:rule type="h" val="110" fact="NaN" max="NaN"/>
            <dgm:rule type="primFontSz" val="18" fact="NaN" max="NaN"/>
            <dgm:rule type="h" val="INF" fact="NaN" max="NaN"/>
            <dgm:rule type="primFontSz" val="5" fact="NaN" max="NaN"/>
          </dgm:ruleLst>
        </dgm:layoutNode>
        <dgm:layoutNode name="descendantText" styleLbl="alignAcc1">
          <dgm:varLst>
            <dgm:bulletEnabled val="1"/>
          </dgm:varLst>
          <dgm:choose name="Name4">
            <dgm:if name="Name5" func="var" arg="dir" op="equ" val="norm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90" type="round2SameRect" r:blip="">
                <dgm:adjLst/>
              </dgm:shape>
            </dgm:if>
            <dgm:else name="Name6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-90" type="round2SameRect" r:blip="">
                <dgm:adjLst/>
              </dgm:shape>
            </dgm:else>
          </dgm:choose>
          <dgm:presOf axis="des" ptType="node"/>
          <dgm:choose name="Name7">
            <dgm:if name="Name8" func="var" arg="dir" op="equ" val="norm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rMarg" refType="primFontSz" fact="0.05"/>
              </dgm:constrLst>
            </dgm:if>
            <dgm:else name="Name9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lMarg" refType="primFontSz" fact="0.05"/>
              </dgm:constrLst>
            </dgm:else>
          </dgm:choose>
          <dgm:ruleLst>
            <dgm:rule type="primFontSz" val="5" fact="NaN" max="NaN"/>
          </dgm:ruleLst>
        </dgm:layoutNode>
      </dgm:layoutNode>
      <dgm:forEach name="Name10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 axis="self"/>
          <dgm:constrLst>
            <dgm:constr type="w" val="1"/>
            <dgm:constr type="h" val="37.5"/>
          </dgm:constrLst>
          <dgm:ruleLst/>
        </dgm:layoutNode>
      </dgm:forEach>
    </dgm:forEach>
  </dgm:layoutNode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05/8/layout/chevron2">
  <dgm:title val=""/>
  <dgm:desc val=""/>
  <dgm:catLst>
    <dgm:cat type="process" pri="12000"/>
    <dgm:cat type="list" pri="16000"/>
    <dgm:cat type="convert" pri="1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</dgm:ptLst>
      <dgm:cxnLst>
        <dgm:cxn modelId="4" srcId="0" destId="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linearFlow">
    <dgm:varLst>
      <dgm:dir/>
      <dgm:animLvl val="lvl"/>
      <dgm:resizeHandles val="exact"/>
    </dgm:varLst>
    <dgm:alg type="lin">
      <dgm:param type="linDir" val="fromT"/>
      <dgm:param type="nodeHorzAlign" val="l"/>
    </dgm:alg>
    <dgm:shape xmlns:r="http://schemas.openxmlformats.org/officeDocument/2006/relationships" r:blip="">
      <dgm:adjLst/>
    </dgm:shape>
    <dgm:presOf/>
    <dgm:constrLst>
      <dgm:constr type="h" for="ch" forName="composite" refType="h"/>
      <dgm:constr type="w" for="ch" forName="composite" refType="w"/>
      <dgm:constr type="h" for="des" forName="parentText" op="equ"/>
      <dgm:constr type="h" for="ch" forName="sp" val="-14.88"/>
      <dgm:constr type="h" for="ch" forName="sp" refType="w" refFor="des" refForName="parentText" op="gte" fact="-0.3"/>
      <dgm:constr type="primFontSz" for="des" forName="parentText" op="equ" val="65"/>
      <dgm:constr type="primFontSz" for="des" forName="descendantText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t" for="ch" forName="parentText"/>
              <dgm:constr type="l" for="ch" forName="parentText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 refType="w" refFor="ch" refForName="pare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if>
          <dgm:else name="Name3">
            <dgm:constrLst>
              <dgm:constr type="t" for="ch" forName="parentText"/>
              <dgm:constr type="r" for="ch" forName="parentText" refType="w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else>
        </dgm:choose>
        <dgm:ruleLst/>
        <dgm:layoutNode name="parentText" styleLbl="alignNode1">
          <dgm:varLst>
            <dgm:chMax val="1"/>
            <dgm:bulletEnabled val="1"/>
          </dgm:varLst>
          <dgm:alg type="tx"/>
          <dgm:shape xmlns:r="http://schemas.openxmlformats.org/officeDocument/2006/relationships" rot="90" type="chevron" r:blip="">
            <dgm:adjLst/>
          </dgm:shape>
          <dgm:presOf axis="self" ptType="node"/>
          <dgm:constrLst>
            <dgm:constr type="lMarg" refType="primFontSz" fact="0.05"/>
            <dgm:constr type="rMarg" refType="primFontSz" fact="0.05"/>
            <dgm:constr type="tMarg" refType="primFontSz" fact="0.05"/>
            <dgm:constr type="bMarg" refType="primFontSz" fact="0.05"/>
          </dgm:constrLst>
          <dgm:ruleLst>
            <dgm:rule type="h" val="100" fact="NaN" max="NaN"/>
            <dgm:rule type="primFontSz" val="24" fact="NaN" max="NaN"/>
            <dgm:rule type="h" val="110" fact="NaN" max="NaN"/>
            <dgm:rule type="primFontSz" val="18" fact="NaN" max="NaN"/>
            <dgm:rule type="h" val="INF" fact="NaN" max="NaN"/>
            <dgm:rule type="primFontSz" val="5" fact="NaN" max="NaN"/>
          </dgm:ruleLst>
        </dgm:layoutNode>
        <dgm:layoutNode name="descendantText" styleLbl="alignAcc1">
          <dgm:varLst>
            <dgm:bulletEnabled val="1"/>
          </dgm:varLst>
          <dgm:choose name="Name4">
            <dgm:if name="Name5" func="var" arg="dir" op="equ" val="norm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90" type="round2SameRect" r:blip="">
                <dgm:adjLst/>
              </dgm:shape>
            </dgm:if>
            <dgm:else name="Name6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-90" type="round2SameRect" r:blip="">
                <dgm:adjLst/>
              </dgm:shape>
            </dgm:else>
          </dgm:choose>
          <dgm:presOf axis="des" ptType="node"/>
          <dgm:choose name="Name7">
            <dgm:if name="Name8" func="var" arg="dir" op="equ" val="norm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rMarg" refType="primFontSz" fact="0.05"/>
              </dgm:constrLst>
            </dgm:if>
            <dgm:else name="Name9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lMarg" refType="primFontSz" fact="0.05"/>
              </dgm:constrLst>
            </dgm:else>
          </dgm:choose>
          <dgm:ruleLst>
            <dgm:rule type="primFontSz" val="5" fact="NaN" max="NaN"/>
          </dgm:ruleLst>
        </dgm:layoutNode>
      </dgm:layoutNode>
      <dgm:forEach name="Name10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 axis="self"/>
          <dgm:constrLst>
            <dgm:constr type="w" val="1"/>
            <dgm:constr type="h" val="37.5"/>
          </dgm:constrLst>
          <dgm:ruleLst/>
        </dgm:layoutNode>
      </dgm:forEach>
    </dgm:forEach>
  </dgm:layoutNode>
</dgm:layoutDef>
</file>

<file path=ppt/diagrams/layout7.xml><?xml version="1.0" encoding="utf-8"?>
<dgm:layoutDef xmlns:dgm="http://schemas.openxmlformats.org/drawingml/2006/diagram" xmlns:a="http://schemas.openxmlformats.org/drawingml/2006/main" uniqueId="urn:microsoft.com/office/officeart/2005/8/layout/vList3">
  <dgm:title val=""/>
  <dgm:desc val=""/>
  <dgm:catLst>
    <dgm:cat type="list" pri="14000"/>
    <dgm:cat type="convert" pri="3000"/>
    <dgm:cat type="picture" pri="27000"/>
    <dgm:cat type="pictureconvert" pri="27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Flow">
    <dgm:varLst>
      <dgm:dir/>
      <dgm:resizeHandles val="exact"/>
    </dgm:varLst>
    <dgm:alg type="lin">
      <dgm:param type="linDir" val="fromT"/>
      <dgm:param type="vertAlign" val="mid"/>
      <dgm:param type="horzAlign" val="ctr"/>
    </dgm:alg>
    <dgm:shape xmlns:r="http://schemas.openxmlformats.org/officeDocument/2006/relationships" r:blip="">
      <dgm:adjLst/>
    </dgm:shape>
    <dgm:presOf/>
    <dgm:constrLst>
      <dgm:constr type="w" for="ch" forName="composite" refType="w"/>
      <dgm:constr type="h" for="ch" forName="composite" refType="h"/>
      <dgm:constr type="h" for="ch" forName="spacing" refType="h" refFor="ch" refForName="composite" fact="0.25"/>
      <dgm:constr type="h" for="ch" forName="spacing" refType="w" op="lte" fact="0.1"/>
      <dgm:constr type="primFontSz" for="des" ptType="node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l" for="ch" forName="imgShp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l" for="ch" forName="txShp" refType="w" refFor="ch" refForName="imgShp" fact="0.5"/>
              <dgm:constr type="lMarg" for="ch" forName="txShp" refType="w" refFor="ch" refForName="imgShp" fact="1.25"/>
            </dgm:constrLst>
          </dgm:if>
          <dgm:else name="Name3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r" for="ch" forName="imgShp" refType="w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r" for="ch" forName="txShp" refType="ctrX" refFor="ch" refForName="imgShp"/>
              <dgm:constr type="rMarg" for="ch" forName="txShp" refType="w" refFor="ch" refForName="imgShp" fact="1.25"/>
            </dgm:constrLst>
          </dgm:else>
        </dgm:choose>
        <dgm:ruleLst/>
        <dgm:layoutNode name="imgShp" styleLbl="fgImgPlace1">
          <dgm:alg type="sp"/>
          <dgm:shape xmlns:r="http://schemas.openxmlformats.org/officeDocument/2006/relationships" type="ellipse" r:blip="" blipPhldr="1">
            <dgm:adjLst/>
          </dgm:shape>
          <dgm:presOf/>
          <dgm:constrLst/>
          <dgm:ruleLst/>
        </dgm:layoutNode>
        <dgm:layoutNode name="txShp">
          <dgm:varLst>
            <dgm:bulletEnabled val="1"/>
          </dgm:varLst>
          <dgm:alg type="tx"/>
          <dgm:choose name="Name4">
            <dgm:if name="Name5" func="var" arg="dir" op="equ" val="norm">
              <dgm:shape xmlns:r="http://schemas.openxmlformats.org/officeDocument/2006/relationships" rot="180" type="homePlate" r:blip="" zOrderOff="-1">
                <dgm:adjLst/>
              </dgm:shape>
            </dgm:if>
            <dgm:else name="Name6">
              <dgm:shape xmlns:r="http://schemas.openxmlformats.org/officeDocument/2006/relationships" type="homePlate" r:blip="" zOrderOff="-1">
                <dgm:adjLst/>
              </dgm:shape>
            </dgm:else>
          </dgm:choose>
          <dgm:presOf axis="desOrSelf" ptType="node"/>
          <dgm:constrLst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layoutNode>
      <dgm:forEach name="Name7" axis="followSib" ptType="sibTrans" cnt="1">
        <dgm:layoutNode name="spacing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</dgm:layoutDef>
</file>

<file path=ppt/diagrams/layout8.xml><?xml version="1.0" encoding="utf-8"?>
<dgm:layoutDef xmlns:dgm="http://schemas.openxmlformats.org/drawingml/2006/diagram" xmlns:a="http://schemas.openxmlformats.org/drawingml/2006/main" uniqueId="urn:microsoft.com/office/officeart/2005/8/layout/process2">
  <dgm:title val=""/>
  <dgm:desc val=""/>
  <dgm:catLst>
    <dgm:cat type="process" pri="13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Flow">
    <dgm:varLst>
      <dgm:resizeHandles val="exact"/>
    </dgm:varLst>
    <dgm:alg type="lin">
      <dgm:param type="linDir" val="fromT"/>
    </dgm:alg>
    <dgm:shape xmlns:r="http://schemas.openxmlformats.org/officeDocument/2006/relationships" r:blip="">
      <dgm:adjLst/>
    </dgm:shape>
    <dgm:presOf/>
    <dgm:constrLst>
      <dgm:constr type="h" for="ch" ptType="node" refType="h"/>
      <dgm:constr type="h" for="ch" ptType="sibTrans" refType="h" refFor="ch" refPtType="node" fact="0.5"/>
      <dgm:constr type="w" for="ch" ptType="node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choose name="Name0">
          <dgm:if name="Name1" axis="root des" ptType="all node" func="maxDepth" op="gt" val="1">
            <dgm:alg type="tx">
              <dgm:param type="parTxLTRAlign" val="l"/>
              <dgm:param type="parTxRTLAlign" val="r"/>
              <dgm:param type="txAnchorVertCh" val="mid"/>
            </dgm:alg>
          </dgm:if>
          <dgm:else name="Name2">
            <dgm:alg type="tx"/>
          </dgm:else>
        </dgm:choose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w" refType="h" fact="1.8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18" fact="NaN" max="NaN"/>
          <dgm:rule type="w" val="NaN" fact="4" max="NaN"/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w" refType="h" fact="0.9"/>
            <dgm:constr type="connDist"/>
            <dgm:constr type="wArH" refType="w" fact="0.5"/>
            <dgm:constr type="hArH" refType="w"/>
            <dgm:constr type="stemThick" refType="w" fact="0.6"/>
            <dgm:constr type="begPad" refType="connDist" fact="0.125"/>
            <dgm:constr type="endPad" refType="connDist" fact="0.125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9.xml><?xml version="1.0" encoding="utf-8"?>
<dgm:layoutDef xmlns:dgm="http://schemas.openxmlformats.org/drawingml/2006/diagram" xmlns:a="http://schemas.openxmlformats.org/drawingml/2006/main" uniqueId="urn:microsoft.com/office/officeart/2005/8/layout/vList5">
  <dgm:title val=""/>
  <dgm:desc val=""/>
  <dgm:catLst>
    <dgm:cat type="list" pri="15000"/>
    <dgm:cat type="convert" pri="2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>
          <dgm:param type="linDir" val="fromT"/>
          <dgm:param type="nodeHorzAlign" val="l"/>
        </dgm:alg>
      </dgm:if>
      <dgm:else name="Name3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linNode" refType="h"/>
      <dgm:constr type="w" for="ch" forName="linNode" refType="w"/>
      <dgm:constr type="h" for="ch" forName="sp" refType="h" fact="0.05"/>
      <dgm:constr type="primFontSz" for="des" forName="parentText" op="equ" val="65"/>
      <dgm:constr type="secFontSz" for="des" forName="descendantText" op="equ"/>
    </dgm:constrLst>
    <dgm:ruleLst/>
    <dgm:forEach name="Name4" axis="ch" ptType="node">
      <dgm:layoutNode name="linNode">
        <dgm:choose name="Name5">
          <dgm:if name="Name6" func="var" arg="dir" op="equ" val="norm">
            <dgm:alg type="lin">
              <dgm:param type="linDir" val="fromL"/>
            </dgm:alg>
          </dgm:if>
          <dgm:else name="Name7">
            <dgm:alg type="lin">
              <dgm:param type="linDir" val="fromR"/>
            </dgm:alg>
          </dgm:else>
        </dgm:choose>
        <dgm:shape xmlns:r="http://schemas.openxmlformats.org/officeDocument/2006/relationships" r:blip="">
          <dgm:adjLst/>
        </dgm:shape>
        <dgm:presOf/>
        <dgm:constrLst>
          <dgm:constr type="w" for="ch" forName="parentText" refType="w" fact="0.36"/>
          <dgm:constr type="w" for="ch" forName="descendantText" refType="w" fact="0.64"/>
          <dgm:constr type="h" for="ch" forName="parentText" refType="h"/>
          <dgm:constr type="h" for="ch" forName="descendantText" refType="h" refFor="ch" refForName="parentText" fact="0.8"/>
        </dgm:constrLst>
        <dgm:ruleLst/>
        <dgm:layoutNode name="parentText">
          <dgm:varLst>
            <dgm:chMax val="1"/>
            <dgm:bulletEnabled val="1"/>
          </dgm:varLst>
          <dgm:alg type="tx"/>
          <dgm:shape xmlns:r="http://schemas.openxmlformats.org/officeDocument/2006/relationships" type="roundRect" r:blip="" zOrderOff="3">
            <dgm:adjLst/>
          </dgm:shape>
          <dgm:presOf axis="self" ptType="node"/>
          <dgm:constrLst>
            <dgm:constr type="tMarg" refType="primFontSz" fact="0.15"/>
            <dgm:constr type="bMarg" refType="primFontSz" fact="0.15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choose name="Name8">
          <dgm:if name="Name9" axis="ch" ptType="node" func="cnt" op="gte" val="1">
            <dgm:layoutNode name="descendantText" styleLbl="alignAccFollowNode1">
              <dgm:varLst>
                <dgm:bulletEnabled val="1"/>
              </dgm:varLst>
              <dgm:alg type="tx">
                <dgm:param type="stBulletLvl" val="1"/>
                <dgm:param type="txAnchorVertCh" val="mid"/>
              </dgm:alg>
              <dgm:choose name="Name10">
                <dgm:if name="Name11" func="var" arg="dir" op="equ" val="norm">
                  <dgm:shape xmlns:r="http://schemas.openxmlformats.org/officeDocument/2006/relationships" rot="90" type="round2SameRect" r:blip="">
                    <dgm:adjLst/>
                  </dgm:shape>
                </dgm:if>
                <dgm:else name="Name12">
                  <dgm:shape xmlns:r="http://schemas.openxmlformats.org/officeDocument/2006/relationships" rot="-90" type="round2SameRect" r:blip="">
                    <dgm:adjLst/>
                  </dgm:shape>
                </dgm:else>
              </dgm:choose>
              <dgm:presOf axis="des" ptType="node"/>
              <dgm:constrLst>
                <dgm:constr type="secFontSz" val="65"/>
                <dgm:constr type="primFontSz" refType="secFontSz"/>
                <dgm:constr type="lMarg" refType="secFontSz" fact="0.3"/>
                <dgm:constr type="rMarg" refType="secFontSz" fact="0.3"/>
                <dgm:constr type="tMarg" refType="secFontSz" fact="0.15"/>
                <dgm:constr type="bMarg" refType="secFontSz" fact="0.15"/>
              </dgm:constrLst>
              <dgm:ruleLst>
                <dgm:rule type="secFontSz" val="5" fact="NaN" max="NaN"/>
              </dgm:ruleLst>
            </dgm:layoutNode>
          </dgm:if>
          <dgm:else name="Name13"/>
        </dgm:choose>
      </dgm:layoutNode>
      <dgm:forEach name="Name14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0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5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16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5">
  <dgm:title val=""/>
  <dgm:desc val=""/>
  <dgm:catLst>
    <dgm:cat type="simple" pri="105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5">
  <dgm:title val=""/>
  <dgm:desc val=""/>
  <dgm:catLst>
    <dgm:cat type="simple" pri="105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3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3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7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8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9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4EA8532-E3AD-794D-A3E0-B244CEE0D8EA}" type="datetimeFigureOut">
              <a:rPr lang="en-GB" smtClean="0"/>
              <a:t>27/10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57F42C9-FDEE-DF49-A3EE-C81CC5C2A2A9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237294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57F42C9-FDEE-DF49-A3EE-C81CC5C2A2A9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59457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sv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1366" y="151824"/>
            <a:ext cx="2149716" cy="83885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rgbClr val="FFFFFF"/>
                </a:solidFill>
                <a:latin typeface="+mn-lt"/>
                <a:cs typeface="Georgia"/>
              </a:rPr>
              <a:t>Sustainability is our business</a:t>
            </a:r>
            <a:endParaRPr sz="1300" kern="1000" spc="10" baseline="0" dirty="0">
              <a:latin typeface="+mn-lt"/>
              <a:cs typeface="Georgia"/>
            </a:endParaRP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rgbClr val="FFFFFF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7240437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Text + L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B692585-0626-69A4-41A4-E638CA24D486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46908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1" y="1512000"/>
            <a:ext cx="5688000" cy="46800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5688000" cy="720000"/>
          </a:xfrm>
        </p:spPr>
        <p:txBody>
          <a:bodyPr>
            <a:no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5688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ED670BDE-7257-5BC1-A556-80D0DAA8BFC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6390861" y="1512000"/>
            <a:ext cx="5585239" cy="46800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20954103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Text - 1/3 spl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7783200" cy="46836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149300" y="1512000"/>
            <a:ext cx="3826800" cy="4683600"/>
          </a:xfrm>
        </p:spPr>
        <p:txBody>
          <a:bodyPr>
            <a:noAutofit/>
          </a:bodyPr>
          <a:lstStyle>
            <a:lvl1pPr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117576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117576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2" name="Straight Connector 1">
            <a:extLst>
              <a:ext uri="{FF2B5EF4-FFF2-40B4-BE49-F238E27FC236}">
                <a16:creationId xmlns:a16="http://schemas.microsoft.com/office/drawing/2014/main" id="{DC5E8DBB-A87B-1782-675A-3411C2B5EA02}"/>
              </a:ext>
            </a:extLst>
          </p:cNvPr>
          <p:cNvCxnSpPr/>
          <p:nvPr userDrawn="1"/>
        </p:nvCxnSpPr>
        <p:spPr>
          <a:xfrm>
            <a:off x="8073887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799193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508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4" y="216000"/>
            <a:ext cx="11760187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4" y="972000"/>
            <a:ext cx="11760187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9C4E343-8FA3-3FB3-AE7B-94DDFF8453C5}"/>
              </a:ext>
            </a:extLst>
          </p:cNvPr>
          <p:cNvCxnSpPr/>
          <p:nvPr userDrawn="1"/>
        </p:nvCxnSpPr>
        <p:spPr>
          <a:xfrm>
            <a:off x="4118113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4F08B8C6-28B0-A043-B5DF-5EE9D68A3FC5}"/>
              </a:ext>
            </a:extLst>
          </p:cNvPr>
          <p:cNvCxnSpPr/>
          <p:nvPr userDrawn="1"/>
        </p:nvCxnSpPr>
        <p:spPr>
          <a:xfrm>
            <a:off x="8073887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46AD785-72F4-505C-91A3-E9072F00906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182600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E7C4AE9B-BD80-C2BD-F928-E5B99E4B87C0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14929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075499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Text + 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49299" y="1512000"/>
            <a:ext cx="3826800" cy="4680000"/>
          </a:xfrm>
        </p:spPr>
        <p:txBody>
          <a:bodyPr>
            <a:noAutofit/>
          </a:bodyPr>
          <a:lstStyle>
            <a:lvl1pPr marL="0" indent="0">
              <a:buNone/>
              <a:defRPr sz="2400">
                <a:solidFill>
                  <a:schemeClr val="accent1"/>
                </a:solidFill>
              </a:defRPr>
            </a:lvl1pPr>
            <a:lvl2pPr marL="0" indent="0">
              <a:spcBef>
                <a:spcPts val="700"/>
              </a:spcBef>
              <a:buNone/>
              <a:defRPr sz="1000" b="0" i="0" kern="900" cap="all" spc="30" baseline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</a:lstStyle>
          <a:p>
            <a:pPr lvl="0"/>
            <a:r>
              <a:rPr lang="en-GB" dirty="0"/>
              <a:t>“Quote text”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4" y="216000"/>
            <a:ext cx="117576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4" y="972000"/>
            <a:ext cx="11760187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9C4E343-8FA3-3FB3-AE7B-94DDFF8453C5}"/>
              </a:ext>
            </a:extLst>
          </p:cNvPr>
          <p:cNvCxnSpPr/>
          <p:nvPr userDrawn="1"/>
        </p:nvCxnSpPr>
        <p:spPr>
          <a:xfrm>
            <a:off x="4118113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4F08B8C6-28B0-A043-B5DF-5EE9D68A3FC5}"/>
              </a:ext>
            </a:extLst>
          </p:cNvPr>
          <p:cNvCxnSpPr/>
          <p:nvPr userDrawn="1"/>
        </p:nvCxnSpPr>
        <p:spPr>
          <a:xfrm>
            <a:off x="8073887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46AD785-72F4-505C-91A3-E9072F00906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182600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5323300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216000"/>
            <a:ext cx="117612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4" y="972000"/>
            <a:ext cx="11760187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9C4E343-8FA3-3FB3-AE7B-94DDFF8453C5}"/>
              </a:ext>
            </a:extLst>
          </p:cNvPr>
          <p:cNvCxnSpPr/>
          <p:nvPr userDrawn="1"/>
        </p:nvCxnSpPr>
        <p:spPr>
          <a:xfrm>
            <a:off x="3110315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4F08B8C6-28B0-A043-B5DF-5EE9D68A3FC5}"/>
              </a:ext>
            </a:extLst>
          </p:cNvPr>
          <p:cNvCxnSpPr/>
          <p:nvPr userDrawn="1"/>
        </p:nvCxnSpPr>
        <p:spPr>
          <a:xfrm>
            <a:off x="9071975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46AD785-72F4-505C-91A3-E9072F00906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3196730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C9FFD04E-317D-1D48-E085-731458A9CE3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177560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73423C91-6737-EB62-AF6E-996AE6417081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9158392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080C723B-D3F4-EB4D-BFEE-C928DDC8A6CE}"/>
              </a:ext>
            </a:extLst>
          </p:cNvPr>
          <p:cNvCxnSpPr/>
          <p:nvPr userDrawn="1"/>
        </p:nvCxnSpPr>
        <p:spPr>
          <a:xfrm>
            <a:off x="6091145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4374846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958" userDrawn="1">
          <p15:clr>
            <a:srgbClr val="FBAE40"/>
          </p15:clr>
        </p15:guide>
        <p15:guide id="2" pos="3840" userDrawn="1">
          <p15:clr>
            <a:srgbClr val="FBAE40"/>
          </p15:clr>
        </p15:guide>
        <p15:guide id="3" pos="5722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899" y="216000"/>
            <a:ext cx="11760081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899" y="972000"/>
            <a:ext cx="11760081" cy="246221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5190C7E3-4562-032F-9FF6-B7F9C3C775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15900" y="1512000"/>
            <a:ext cx="3830400" cy="4680000"/>
          </a:xfrm>
        </p:spPr>
        <p:txBody>
          <a:bodyPr anchor="t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buNone/>
              <a:defRPr sz="2400">
                <a:solidFill>
                  <a:schemeClr val="accent1"/>
                </a:solidFill>
              </a:defRPr>
            </a:lvl1pPr>
            <a:lvl2pPr marL="0" indent="0" algn="l">
              <a:lnSpc>
                <a:spcPct val="110000"/>
              </a:lnSpc>
              <a:spcBef>
                <a:spcPts val="2000"/>
              </a:spcBef>
              <a:buNone/>
              <a:defRPr sz="2000" b="1"/>
            </a:lvl2pPr>
            <a:lvl3pPr marL="0" indent="0" algn="l">
              <a:spcBef>
                <a:spcPts val="0"/>
              </a:spcBef>
              <a:buNone/>
              <a:defRPr sz="20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Quote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169BB513-64B6-6047-903A-B11C11B685A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182600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9AF0283-3C03-9623-4B51-C30E889305D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14929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5688E5A0-3E4E-32BA-6F59-CD676BEC02D2}"/>
              </a:ext>
            </a:extLst>
          </p:cNvPr>
          <p:cNvCxnSpPr/>
          <p:nvPr userDrawn="1"/>
        </p:nvCxnSpPr>
        <p:spPr>
          <a:xfrm>
            <a:off x="4118113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157888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orient="horz" pos="946">
          <p15:clr>
            <a:srgbClr val="FBAE40"/>
          </p15:clr>
        </p15:guide>
        <p15:guide id="3" pos="2593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 – Light Green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60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10262C27-B9D8-76AE-ED16-D940917596C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>
            <a:lvl6pPr>
              <a:defRPr>
                <a:solidFill>
                  <a:schemeClr val="tx1"/>
                </a:solidFill>
              </a:defRPr>
            </a:lvl6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11021769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 – Dim Gray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DA5D1B0B-7338-A434-6DF3-D0546BF9AE7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16220485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Only –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DA5D1B0B-7338-A434-6DF3-D0546BF9AE7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B1724508-BCE0-6F08-7E3F-B952DA74D70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84211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CC6C29FF-EF07-59B1-F766-1B9F0E8AC5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16A921C-E649-AC21-06D4-734253972A31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215900" y="1512000"/>
            <a:ext cx="117602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4749691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51366" y="151824"/>
            <a:ext cx="2149715" cy="83885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27788458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CD91C57-5834-F945-2A9D-E64A414AF74D}"/>
              </a:ext>
            </a:extLst>
          </p:cNvPr>
          <p:cNvSpPr>
            <a:spLocks noGrp="1"/>
          </p:cNvSpPr>
          <p:nvPr>
            <p:ph idx="18"/>
          </p:nvPr>
        </p:nvSpPr>
        <p:spPr>
          <a:xfrm>
            <a:off x="215899" y="1512000"/>
            <a:ext cx="5580000" cy="468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558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558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2707651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orient="horz" pos="946" userDrawn="1">
          <p15:clr>
            <a:srgbClr val="FBAE40"/>
          </p15:clr>
        </p15:guide>
        <p15:guide id="3" pos="3840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191134" y="0"/>
            <a:ext cx="8000866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3744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645901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12000"/>
            <a:ext cx="3744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3744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1101250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615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/3 Image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CD91C57-5834-F945-2A9D-E64A414AF74D}"/>
              </a:ext>
            </a:extLst>
          </p:cNvPr>
          <p:cNvSpPr>
            <a:spLocks noGrp="1"/>
          </p:cNvSpPr>
          <p:nvPr>
            <p:ph idx="18"/>
          </p:nvPr>
        </p:nvSpPr>
        <p:spPr>
          <a:xfrm>
            <a:off x="215896" y="1512000"/>
            <a:ext cx="7560000" cy="468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8073886" y="0"/>
            <a:ext cx="4118113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756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756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444788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orient="horz" pos="946" userDrawn="1">
          <p15:clr>
            <a:srgbClr val="FBAE40"/>
          </p15:clr>
        </p15:guide>
        <p15:guide id="3" pos="508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0"/>
            <a:ext cx="6096000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E617C3B0-E252-31FE-DA09-C85B5D0C79A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096000" y="3429000"/>
            <a:ext cx="6096000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558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9" y="1512000"/>
            <a:ext cx="5580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558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28722027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Three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191134" y="0"/>
            <a:ext cx="8000866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3744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645901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12000"/>
            <a:ext cx="3744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3744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5639068E-C22B-B8FD-5920-151DDCCB344A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191134" y="3429000"/>
            <a:ext cx="3992429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" name="Picture Placeholder 7">
            <a:extLst>
              <a:ext uri="{FF2B5EF4-FFF2-40B4-BE49-F238E27FC236}">
                <a16:creationId xmlns:a16="http://schemas.microsoft.com/office/drawing/2014/main" id="{1226C5C8-C41E-0C38-7004-A1EB8A4E5817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91567" y="3429000"/>
            <a:ext cx="4000433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367697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638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Fou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3744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645901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12000"/>
            <a:ext cx="3744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3744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5639068E-C22B-B8FD-5920-151DDCCB344A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191134" y="3429000"/>
            <a:ext cx="3992429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" name="Picture Placeholder 7">
            <a:extLst>
              <a:ext uri="{FF2B5EF4-FFF2-40B4-BE49-F238E27FC236}">
                <a16:creationId xmlns:a16="http://schemas.microsoft.com/office/drawing/2014/main" id="{1226C5C8-C41E-0C38-7004-A1EB8A4E5817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91567" y="3429000"/>
            <a:ext cx="4000433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7BA53E6C-89E2-FF8E-1ABF-A22CDBF621D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191134" y="0"/>
            <a:ext cx="3992429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C6C550CC-5B20-9126-C608-61DA9C5A64B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91567" y="0"/>
            <a:ext cx="4000433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66214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638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BF71426A-8DDA-C844-A546-31F3390F847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501774"/>
            <a:ext cx="12192000" cy="5356225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2594803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BF71426A-8DDA-C844-A546-31F3390F847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1501775"/>
            <a:ext cx="6096000" cy="5356226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C78ADD7D-421C-A11E-16C6-8F0AABCC93E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0" y="1501775"/>
            <a:ext cx="6096000" cy="5356226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1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0932584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558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558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5190C7E3-4562-032F-9FF6-B7F9C3C775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15900" y="1512000"/>
            <a:ext cx="5579999" cy="4680000"/>
          </a:xfrm>
        </p:spPr>
        <p:txBody>
          <a:bodyPr anchor="t" anchorCtr="0"/>
          <a:lstStyle>
            <a:lvl1pPr marL="0" indent="0" algn="l">
              <a:lnSpc>
                <a:spcPct val="110000"/>
              </a:lnSpc>
              <a:spcBef>
                <a:spcPts val="0"/>
              </a:spcBef>
              <a:buNone/>
              <a:defRPr sz="2400">
                <a:solidFill>
                  <a:schemeClr val="accent1"/>
                </a:solidFill>
              </a:defRPr>
            </a:lvl1pPr>
            <a:lvl2pPr marL="0" indent="0" algn="l">
              <a:lnSpc>
                <a:spcPct val="110000"/>
              </a:lnSpc>
              <a:spcBef>
                <a:spcPts val="2000"/>
              </a:spcBef>
              <a:buNone/>
              <a:defRPr sz="2000" b="1"/>
            </a:lvl2pPr>
            <a:lvl3pPr marL="0" indent="0" algn="l">
              <a:spcBef>
                <a:spcPts val="0"/>
              </a:spcBef>
              <a:buNone/>
              <a:defRPr sz="20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Quote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2278374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orient="horz" pos="946" userDrawn="1">
          <p15:clr>
            <a:srgbClr val="FBAE40"/>
          </p15:clr>
        </p15:guide>
        <p15:guide id="3" pos="3840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Light Green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D63A8B26-65B5-ADC0-AFFD-53E4D22456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A30DAF6A-464C-4B41-9FA5-6FEBB8FF685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66863"/>
            <a:ext cx="11760200" cy="4122737"/>
          </a:xfrm>
        </p:spPr>
        <p:txBody>
          <a:bodyPr anchor="ctr"/>
          <a:lstStyle>
            <a:lvl1pPr marL="0" indent="0" algn="ctr">
              <a:lnSpc>
                <a:spcPct val="110000"/>
              </a:lnSpc>
              <a:spcBef>
                <a:spcPts val="0"/>
              </a:spcBef>
              <a:buNone/>
              <a:defRPr sz="2400"/>
            </a:lvl1pPr>
            <a:lvl2pPr marL="0" indent="0" algn="ctr">
              <a:lnSpc>
                <a:spcPct val="110000"/>
              </a:lnSpc>
              <a:spcBef>
                <a:spcPts val="2000"/>
              </a:spcBef>
              <a:buNone/>
              <a:defRPr sz="2400" b="1"/>
            </a:lvl2pPr>
            <a:lvl3pPr marL="0" indent="0" algn="ctr">
              <a:spcBef>
                <a:spcPts val="0"/>
              </a:spcBef>
              <a:buNone/>
              <a:defRPr sz="24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1364295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 - Gray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51366" y="151879"/>
            <a:ext cx="2149716" cy="83874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79430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Mint">
    <p:bg>
      <p:bgPr>
        <a:solidFill>
          <a:srgbClr val="00FFB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D63A8B26-65B5-ADC0-AFFD-53E4D22456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A30DAF6A-464C-4B41-9FA5-6FEBB8FF685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66863"/>
            <a:ext cx="11760200" cy="4122737"/>
          </a:xfrm>
        </p:spPr>
        <p:txBody>
          <a:bodyPr anchor="ctr"/>
          <a:lstStyle>
            <a:lvl1pPr marL="0" indent="0" algn="ctr">
              <a:lnSpc>
                <a:spcPct val="110000"/>
              </a:lnSpc>
              <a:spcBef>
                <a:spcPts val="0"/>
              </a:spcBef>
              <a:buNone/>
              <a:defRPr sz="2400"/>
            </a:lvl1pPr>
            <a:lvl2pPr marL="0" indent="0" algn="ctr">
              <a:lnSpc>
                <a:spcPct val="110000"/>
              </a:lnSpc>
              <a:spcBef>
                <a:spcPts val="2000"/>
              </a:spcBef>
              <a:buNone/>
              <a:defRPr sz="2400" b="1"/>
            </a:lvl2pPr>
            <a:lvl3pPr marL="0" indent="0" algn="ctr">
              <a:spcBef>
                <a:spcPts val="0"/>
              </a:spcBef>
              <a:buNone/>
              <a:defRPr sz="24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11692282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2AD23F35-C60A-5FD3-7D1B-FB9A6C17171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8CC54858-286D-0FAE-56FC-0A28D07083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19441387-A40C-960D-A4C2-5E3FE34C93C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2106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- Min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CC54858-286D-0FAE-56FC-0A28D07083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19441387-A40C-960D-A4C2-5E3FE34C93C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763B3703-3CB3-458E-3454-75CAED8153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66605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- Sa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CC54858-286D-0FAE-56FC-0A28D07083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19441387-A40C-960D-A4C2-5E3FE34C93C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763B3703-3CB3-458E-3454-75CAED8153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85763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+ 1/2 Imag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4D22B40-A452-0BE3-5671-990838D99D63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6000" y="0"/>
            <a:ext cx="6096000" cy="6858000"/>
          </a:xfrm>
          <a:solidFill>
            <a:schemeClr val="accent5"/>
          </a:solidFill>
        </p:spPr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88FBB10A-FF0C-5828-3B38-B73DD31F0C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5678832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35461D2F-BFB2-6F37-26E2-6A410868AC1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673521" cy="237244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40C86AB-9971-E01B-79EF-7D32FDB56EB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638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+ Imag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4D22B40-A452-0BE3-5671-990838D99D63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192000"/>
          </a:xfrm>
          <a:solidFill>
            <a:schemeClr val="accent5"/>
          </a:solidFill>
        </p:spPr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88FBB10A-FF0C-5828-3B38-B73DD31F0C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35461D2F-BFB2-6F37-26E2-6A410868AC1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40C86AB-9971-E01B-79EF-7D32FDB56EB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2753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 / Ta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5" name="Table Placeholder 4">
            <a:extLst>
              <a:ext uri="{FF2B5EF4-FFF2-40B4-BE49-F238E27FC236}">
                <a16:creationId xmlns:a16="http://schemas.microsoft.com/office/drawing/2014/main" id="{E9CC1310-B36A-1173-D697-9C708F271480}"/>
              </a:ext>
            </a:extLst>
          </p:cNvPr>
          <p:cNvSpPr>
            <a:spLocks noGrp="1"/>
          </p:cNvSpPr>
          <p:nvPr>
            <p:ph type="tbl" sz="quarter" idx="16" hasCustomPrompt="1"/>
          </p:nvPr>
        </p:nvSpPr>
        <p:spPr>
          <a:xfrm>
            <a:off x="215900" y="1501775"/>
            <a:ext cx="11760200" cy="4510225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</a:lstStyle>
          <a:p>
            <a:r>
              <a:rPr lang="en-GB" dirty="0"/>
              <a:t>Projects – Create a table using 12pt text with left border (see example slide for reference)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58923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s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CC6C29FF-EF07-59B1-F766-1B9F0E8AC5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6696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6696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16A921C-E649-AC21-06D4-734253972A31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7200000" y="180000"/>
            <a:ext cx="4795371" cy="601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708660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215899" y="1511300"/>
            <a:ext cx="6768000" cy="4716463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9747577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4475" userDrawn="1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harts Tabl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CC6C29FF-EF07-59B1-F766-1B9F0E8AC5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5688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16A921C-E649-AC21-06D4-734253972A31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87996" y="180000"/>
            <a:ext cx="5707375" cy="6012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table or chart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9600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9" y="1511300"/>
            <a:ext cx="5687994" cy="4716463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table or chart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E05F4784-02EA-72F7-0DA4-DECC37038018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5688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8149665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Group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940719B7-0ECB-67DA-B2AC-7DE198D4F71D}"/>
              </a:ext>
            </a:extLst>
          </p:cNvPr>
          <p:cNvSpPr/>
          <p:nvPr userDrawn="1"/>
        </p:nvSpPr>
        <p:spPr>
          <a:xfrm>
            <a:off x="4110789" y="0"/>
            <a:ext cx="8081207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5924009" y="1014084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143982-B5B9-C71B-13F4-A2B3581D08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B854A09A-6B08-24DF-EB1F-6C5428C7C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501905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42B505B-8A12-9399-D36E-C652E706F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9" name="Title 1">
            <a:extLst>
              <a:ext uri="{FF2B5EF4-FFF2-40B4-BE49-F238E27FC236}">
                <a16:creationId xmlns:a16="http://schemas.microsoft.com/office/drawing/2014/main" id="{A509475D-092E-CED1-C8EC-DFF7536FE6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360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D1464F7C-09F1-AFC9-E4E7-456657BCAE61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360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8" name="Picture Placeholder 23">
            <a:extLst>
              <a:ext uri="{FF2B5EF4-FFF2-40B4-BE49-F238E27FC236}">
                <a16:creationId xmlns:a16="http://schemas.microsoft.com/office/drawing/2014/main" id="{468E8857-A9D7-077B-9119-28B95172C473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5924009" y="2641178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21" name="Picture Placeholder 23">
            <a:extLst>
              <a:ext uri="{FF2B5EF4-FFF2-40B4-BE49-F238E27FC236}">
                <a16:creationId xmlns:a16="http://schemas.microsoft.com/office/drawing/2014/main" id="{B7819518-A2B2-DE36-E503-4D93DFFD990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5924009" y="4281720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2B0FCB0-7514-20B7-5277-55C6EAB635FA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15900" y="1501775"/>
            <a:ext cx="3600450" cy="360838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98203676-0E56-E785-AA7E-2D79EB2DC9C0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373654" y="993102"/>
            <a:ext cx="4602446" cy="133200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1"/>
            <a:r>
              <a:rPr lang="en-GB" dirty="0"/>
              <a:t>Name</a:t>
            </a:r>
          </a:p>
          <a:p>
            <a:pPr lvl="0"/>
            <a:r>
              <a:rPr lang="en-GB" dirty="0"/>
              <a:t>Bio</a:t>
            </a:r>
            <a:endParaRPr lang="en-US" dirty="0"/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C90F1DAB-F5B9-F490-8035-6C39BCF143A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373654" y="2641178"/>
            <a:ext cx="4602446" cy="133200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1"/>
            <a:r>
              <a:rPr lang="en-GB" dirty="0"/>
              <a:t>Name</a:t>
            </a:r>
          </a:p>
          <a:p>
            <a:pPr lvl="0"/>
            <a:r>
              <a:rPr lang="en-GB" dirty="0"/>
              <a:t>Bio</a:t>
            </a:r>
            <a:endParaRPr lang="en-US" dirty="0"/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8779AB05-BB6B-8868-75EA-E59F1C8F72F0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7373654" y="4281720"/>
            <a:ext cx="4602446" cy="133200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1"/>
            <a:r>
              <a:rPr lang="en-GB" dirty="0"/>
              <a:t>Name</a:t>
            </a:r>
          </a:p>
          <a:p>
            <a:pPr lvl="0"/>
            <a:r>
              <a:rPr lang="en-GB" dirty="0"/>
              <a:t>Bio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298171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 - Min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51366" y="151879"/>
            <a:ext cx="2149716" cy="83874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3660105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Bi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2BF5D841-3E75-0D6E-29B3-AC93C1B33412}"/>
              </a:ext>
            </a:extLst>
          </p:cNvPr>
          <p:cNvCxnSpPr/>
          <p:nvPr userDrawn="1"/>
        </p:nvCxnSpPr>
        <p:spPr>
          <a:xfrm>
            <a:off x="4093827" y="460800"/>
            <a:ext cx="0" cy="5760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2629143" y="533210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143982-B5B9-C71B-13F4-A2B3581D08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B854A09A-6B08-24DF-EB1F-6C5428C7C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42B505B-8A12-9399-D36E-C652E706F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D79BA1B9-509D-E4E7-CAD9-61B1DA32A8C3}"/>
              </a:ext>
            </a:extLst>
          </p:cNvPr>
          <p:cNvCxnSpPr/>
          <p:nvPr userDrawn="1"/>
        </p:nvCxnSpPr>
        <p:spPr>
          <a:xfrm>
            <a:off x="8105681" y="460800"/>
            <a:ext cx="0" cy="5760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itle 1">
            <a:extLst>
              <a:ext uri="{FF2B5EF4-FFF2-40B4-BE49-F238E27FC236}">
                <a16:creationId xmlns:a16="http://schemas.microsoft.com/office/drawing/2014/main" id="{A509475D-092E-CED1-C8EC-DFF7536FE6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504000"/>
            <a:ext cx="2300026" cy="664797"/>
          </a:xfrm>
        </p:spPr>
        <p:txBody>
          <a:bodyPr wrap="square">
            <a:spAutoFit/>
          </a:bodyPr>
          <a:lstStyle>
            <a:lvl1pPr>
              <a:defRPr sz="2400"/>
            </a:lvl1pPr>
          </a:lstStyle>
          <a:p>
            <a:r>
              <a:rPr lang="en-US" dirty="0"/>
              <a:t>Name</a:t>
            </a:r>
            <a:br>
              <a:rPr lang="en-US" dirty="0"/>
            </a:br>
            <a:r>
              <a:rPr lang="en-US" dirty="0"/>
              <a:t>Surname</a:t>
            </a:r>
            <a:endParaRPr lang="en-GB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D1464F7C-09F1-AFC9-E4E7-456657BCAE61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1219932"/>
            <a:ext cx="2268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F52E6E0-386A-7F0D-4199-20975D01D99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15900" y="2239963"/>
            <a:ext cx="3744000" cy="3951287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8899A843-2281-A12D-39A7-F6D9D43971B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4227754" y="477775"/>
            <a:ext cx="3744000" cy="5713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4E0F1A1C-95CF-A1B8-806A-4B74C82BF10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239607" y="477775"/>
            <a:ext cx="3744000" cy="5713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6111095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3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Picture Placeholder 23">
            <a:extLst>
              <a:ext uri="{FF2B5EF4-FFF2-40B4-BE49-F238E27FC236}">
                <a16:creationId xmlns:a16="http://schemas.microsoft.com/office/drawing/2014/main" id="{AFF61CE1-63A5-524B-4B66-2AAD84A920CD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" name="Picture Placeholder 23">
            <a:extLst>
              <a:ext uri="{FF2B5EF4-FFF2-40B4-BE49-F238E27FC236}">
                <a16:creationId xmlns:a16="http://schemas.microsoft.com/office/drawing/2014/main" id="{572E622A-5D39-601C-DD25-BE9D980CADEB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834073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0" name="Picture Placeholder 23">
            <a:extLst>
              <a:ext uri="{FF2B5EF4-FFF2-40B4-BE49-F238E27FC236}">
                <a16:creationId xmlns:a16="http://schemas.microsoft.com/office/drawing/2014/main" id="{9321EE6F-A2E7-65CE-72CF-DC83A7F4ECD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9439275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159ACB15-9FCF-EC00-F496-7DF0EFFB11FC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8E28797-59D6-9E69-01E9-B3AA9A1FAC4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D737B27D-7AD3-BE89-5BCF-1D4CA6B35E5A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4836000" y="4641831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D86B4DD3-D0C4-C716-AB5D-F73755153819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4834073" y="4374000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4C90A017-3021-F72B-D67D-3801C98C0EA9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441202" y="4641831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960525-BC0D-1F29-53A3-6390EAA53F1D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9439275" y="4374000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</p:spTree>
    <p:extLst>
      <p:ext uri="{BB962C8B-B14F-4D97-AF65-F5344CB8AC3E}">
        <p14:creationId xmlns:p14="http://schemas.microsoft.com/office/powerpoint/2010/main" val="39311871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4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5" name="Picture Placeholder 23">
            <a:extLst>
              <a:ext uri="{FF2B5EF4-FFF2-40B4-BE49-F238E27FC236}">
                <a16:creationId xmlns:a16="http://schemas.microsoft.com/office/drawing/2014/main" id="{B8CB97A3-322E-2D03-4326-BA480591B10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8" name="Picture Placeholder 23">
            <a:extLst>
              <a:ext uri="{FF2B5EF4-FFF2-40B4-BE49-F238E27FC236}">
                <a16:creationId xmlns:a16="http://schemas.microsoft.com/office/drawing/2014/main" id="{FB92161A-F3DE-921E-212E-9ADE3C533357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4544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9" name="Picture Placeholder 23">
            <a:extLst>
              <a:ext uri="{FF2B5EF4-FFF2-40B4-BE49-F238E27FC236}">
                <a16:creationId xmlns:a16="http://schemas.microsoft.com/office/drawing/2014/main" id="{17000195-F09B-B160-B276-A11602096C4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2046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0" name="Picture Placeholder 23">
            <a:extLst>
              <a:ext uri="{FF2B5EF4-FFF2-40B4-BE49-F238E27FC236}">
                <a16:creationId xmlns:a16="http://schemas.microsoft.com/office/drawing/2014/main" id="{EFD5EBCC-1A25-1DDE-5287-8A3D054F70B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295486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690AAB32-6A38-1D08-03C2-CBA9DB6713C9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0913C16D-81A0-1FA0-D678-27FD33146E6D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6552B6E-70BE-F3F3-79C8-2F99E6B78E5D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3347374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18622743-2831-00F8-5556-5F3BFE6DB10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345447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EA37E62D-1438-13AC-2BF4-A4BB5B6FE544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322394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2A18B835-0537-C48E-FE65-A2F78813ACC4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6320467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56DD194B-A398-6CFB-FF3D-6F6B6C3F3738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9297413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C3BB2D0-1D22-E303-FD69-8755B17D1373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9295486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</p:spTree>
    <p:extLst>
      <p:ext uri="{BB962C8B-B14F-4D97-AF65-F5344CB8AC3E}">
        <p14:creationId xmlns:p14="http://schemas.microsoft.com/office/powerpoint/2010/main" val="39056234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3 Up -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6B35E099-749D-F90F-A00C-7E5B96B119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E8F99CD2-89BF-CF6C-382E-BCF60A0085B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9" name="Picture Placeholder 23">
            <a:extLst>
              <a:ext uri="{FF2B5EF4-FFF2-40B4-BE49-F238E27FC236}">
                <a16:creationId xmlns:a16="http://schemas.microsoft.com/office/drawing/2014/main" id="{085AF28B-7E7A-563A-D568-FEC67B5D5D9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834073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0" name="Picture Placeholder 23">
            <a:extLst>
              <a:ext uri="{FF2B5EF4-FFF2-40B4-BE49-F238E27FC236}">
                <a16:creationId xmlns:a16="http://schemas.microsoft.com/office/drawing/2014/main" id="{DC0DC504-98AF-18B6-2D60-4883D56A4CD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9439275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521F7054-5AD9-E675-47B8-A53E59B6BEC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8764479-B250-4657-27B8-0BEB7CA6FB05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876B32EE-3490-B492-A7C9-090BDDF6B951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4836000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EEF5EFAA-55C0-EB9B-23C4-4653D792D444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4834073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ADF3FE58-5360-0D0E-B6CA-CA7C296B3AC1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441202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8" name="Text Placeholder 2">
            <a:extLst>
              <a:ext uri="{FF2B5EF4-FFF2-40B4-BE49-F238E27FC236}">
                <a16:creationId xmlns:a16="http://schemas.microsoft.com/office/drawing/2014/main" id="{4EC01587-88DD-9342-3097-F731D6F84861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9439275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80529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4 Up -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6B35E099-749D-F90F-A00C-7E5B96B119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1200" cy="720000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E8F99CD2-89BF-CF6C-382E-BCF60A0085B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9" name="Picture Placeholder 23">
            <a:extLst>
              <a:ext uri="{FF2B5EF4-FFF2-40B4-BE49-F238E27FC236}">
                <a16:creationId xmlns:a16="http://schemas.microsoft.com/office/drawing/2014/main" id="{085AF28B-7E7A-563A-D568-FEC67B5D5D9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4544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0" name="Picture Placeholder 23">
            <a:extLst>
              <a:ext uri="{FF2B5EF4-FFF2-40B4-BE49-F238E27FC236}">
                <a16:creationId xmlns:a16="http://schemas.microsoft.com/office/drawing/2014/main" id="{DC0DC504-98AF-18B6-2D60-4883D56A4CD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2046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1" name="Picture Placeholder 23">
            <a:extLst>
              <a:ext uri="{FF2B5EF4-FFF2-40B4-BE49-F238E27FC236}">
                <a16:creationId xmlns:a16="http://schemas.microsoft.com/office/drawing/2014/main" id="{F1078E2B-10B7-7247-3D10-6A98153451C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295486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521F7054-5AD9-E675-47B8-A53E59B6BEC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8764479-B250-4657-27B8-0BEB7CA6FB05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876B32EE-3490-B492-A7C9-090BDDF6B951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3347374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EEF5EFAA-55C0-EB9B-23C4-4653D792D444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345447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ADF3FE58-5360-0D0E-B6CA-CA7C296B3AC1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322394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8" name="Text Placeholder 2">
            <a:extLst>
              <a:ext uri="{FF2B5EF4-FFF2-40B4-BE49-F238E27FC236}">
                <a16:creationId xmlns:a16="http://schemas.microsoft.com/office/drawing/2014/main" id="{4EC01587-88DD-9342-3097-F731D6F84861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6320467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9" name="Text Placeholder 2">
            <a:extLst>
              <a:ext uri="{FF2B5EF4-FFF2-40B4-BE49-F238E27FC236}">
                <a16:creationId xmlns:a16="http://schemas.microsoft.com/office/drawing/2014/main" id="{BFF54D34-672A-BB5A-CB69-62D46066BE92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9297413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0" name="Text Placeholder 2">
            <a:extLst>
              <a:ext uri="{FF2B5EF4-FFF2-40B4-BE49-F238E27FC236}">
                <a16:creationId xmlns:a16="http://schemas.microsoft.com/office/drawing/2014/main" id="{345DF2A1-0A32-B329-259A-A91AA2A5F43A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9295486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063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12 Up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" name="Picture Placeholder 23">
            <a:extLst>
              <a:ext uri="{FF2B5EF4-FFF2-40B4-BE49-F238E27FC236}">
                <a16:creationId xmlns:a16="http://schemas.microsoft.com/office/drawing/2014/main" id="{2ACD89B1-8865-EF81-01AE-0D1CFB09DC6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310067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8" name="Picture Placeholder 23">
            <a:extLst>
              <a:ext uri="{FF2B5EF4-FFF2-40B4-BE49-F238E27FC236}">
                <a16:creationId xmlns:a16="http://schemas.microsoft.com/office/drawing/2014/main" id="{A136AC5F-B9A0-1537-85FB-49B1E943F19B}"/>
              </a:ext>
            </a:extLst>
          </p:cNvPr>
          <p:cNvSpPr>
            <a:spLocks noGrp="1"/>
          </p:cNvSpPr>
          <p:nvPr>
            <p:ph type="pic" sz="quarter" idx="44"/>
          </p:nvPr>
        </p:nvSpPr>
        <p:spPr>
          <a:xfrm>
            <a:off x="2292486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9" name="Picture Placeholder 23">
            <a:extLst>
              <a:ext uri="{FF2B5EF4-FFF2-40B4-BE49-F238E27FC236}">
                <a16:creationId xmlns:a16="http://schemas.microsoft.com/office/drawing/2014/main" id="{7E7D50F3-F1E1-839E-3FF4-467850180BFD}"/>
              </a:ext>
            </a:extLst>
          </p:cNvPr>
          <p:cNvSpPr>
            <a:spLocks noGrp="1"/>
          </p:cNvSpPr>
          <p:nvPr>
            <p:ph type="pic" sz="quarter" idx="45"/>
          </p:nvPr>
        </p:nvSpPr>
        <p:spPr>
          <a:xfrm>
            <a:off x="4274905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0" name="Picture Placeholder 23">
            <a:extLst>
              <a:ext uri="{FF2B5EF4-FFF2-40B4-BE49-F238E27FC236}">
                <a16:creationId xmlns:a16="http://schemas.microsoft.com/office/drawing/2014/main" id="{928616A9-9519-E55E-830E-2AC4B0AA7386}"/>
              </a:ext>
            </a:extLst>
          </p:cNvPr>
          <p:cNvSpPr>
            <a:spLocks noGrp="1"/>
          </p:cNvSpPr>
          <p:nvPr>
            <p:ph type="pic" sz="quarter" idx="46"/>
          </p:nvPr>
        </p:nvSpPr>
        <p:spPr>
          <a:xfrm>
            <a:off x="6257324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1" name="Picture Placeholder 23">
            <a:extLst>
              <a:ext uri="{FF2B5EF4-FFF2-40B4-BE49-F238E27FC236}">
                <a16:creationId xmlns:a16="http://schemas.microsoft.com/office/drawing/2014/main" id="{4B3B4FA4-EB03-2B13-4838-682983AF3EB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8239743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2" name="Picture Placeholder 23">
            <a:extLst>
              <a:ext uri="{FF2B5EF4-FFF2-40B4-BE49-F238E27FC236}">
                <a16:creationId xmlns:a16="http://schemas.microsoft.com/office/drawing/2014/main" id="{2ED7BE30-0A4D-077F-6630-60E0430E5F9C}"/>
              </a:ext>
            </a:extLst>
          </p:cNvPr>
          <p:cNvSpPr>
            <a:spLocks noGrp="1"/>
          </p:cNvSpPr>
          <p:nvPr>
            <p:ph type="pic" sz="quarter" idx="48"/>
          </p:nvPr>
        </p:nvSpPr>
        <p:spPr>
          <a:xfrm>
            <a:off x="10222163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6DA293FD-58DD-8F6D-1041-6D44B66E30E1}"/>
              </a:ext>
            </a:extLst>
          </p:cNvPr>
          <p:cNvSpPr>
            <a:spLocks noGrp="1"/>
          </p:cNvSpPr>
          <p:nvPr>
            <p:ph type="body" idx="49" hasCustomPrompt="1"/>
          </p:nvPr>
        </p:nvSpPr>
        <p:spPr>
          <a:xfrm>
            <a:off x="26494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54" name="Text Placeholder 2">
            <a:extLst>
              <a:ext uri="{FF2B5EF4-FFF2-40B4-BE49-F238E27FC236}">
                <a16:creationId xmlns:a16="http://schemas.microsoft.com/office/drawing/2014/main" id="{7E8CEE19-DE3C-A52B-55DF-4A7B4AA16058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26301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55" name="Text Placeholder 2">
            <a:extLst>
              <a:ext uri="{FF2B5EF4-FFF2-40B4-BE49-F238E27FC236}">
                <a16:creationId xmlns:a16="http://schemas.microsoft.com/office/drawing/2014/main" id="{2BA748E4-77E4-F012-03F8-627C3E269FA1}"/>
              </a:ext>
            </a:extLst>
          </p:cNvPr>
          <p:cNvSpPr>
            <a:spLocks noGrp="1"/>
          </p:cNvSpPr>
          <p:nvPr>
            <p:ph type="body" idx="51" hasCustomPrompt="1"/>
          </p:nvPr>
        </p:nvSpPr>
        <p:spPr>
          <a:xfrm>
            <a:off x="225677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56" name="Text Placeholder 2">
            <a:extLst>
              <a:ext uri="{FF2B5EF4-FFF2-40B4-BE49-F238E27FC236}">
                <a16:creationId xmlns:a16="http://schemas.microsoft.com/office/drawing/2014/main" id="{C1680619-44EA-B533-5CC9-B6C1847FEFEA}"/>
              </a:ext>
            </a:extLst>
          </p:cNvPr>
          <p:cNvSpPr>
            <a:spLocks noGrp="1"/>
          </p:cNvSpPr>
          <p:nvPr>
            <p:ph type="body" idx="52" hasCustomPrompt="1"/>
          </p:nvPr>
        </p:nvSpPr>
        <p:spPr>
          <a:xfrm>
            <a:off x="225484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57" name="Text Placeholder 2">
            <a:extLst>
              <a:ext uri="{FF2B5EF4-FFF2-40B4-BE49-F238E27FC236}">
                <a16:creationId xmlns:a16="http://schemas.microsoft.com/office/drawing/2014/main" id="{33DB2F1E-9ADF-732F-307A-393D6CC1DE32}"/>
              </a:ext>
            </a:extLst>
          </p:cNvPr>
          <p:cNvSpPr>
            <a:spLocks noGrp="1"/>
          </p:cNvSpPr>
          <p:nvPr>
            <p:ph type="body" idx="53" hasCustomPrompt="1"/>
          </p:nvPr>
        </p:nvSpPr>
        <p:spPr>
          <a:xfrm>
            <a:off x="424860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58" name="Text Placeholder 2">
            <a:extLst>
              <a:ext uri="{FF2B5EF4-FFF2-40B4-BE49-F238E27FC236}">
                <a16:creationId xmlns:a16="http://schemas.microsoft.com/office/drawing/2014/main" id="{3542CFA8-3657-0E76-7BE4-A5B4BF43873E}"/>
              </a:ext>
            </a:extLst>
          </p:cNvPr>
          <p:cNvSpPr>
            <a:spLocks noGrp="1"/>
          </p:cNvSpPr>
          <p:nvPr>
            <p:ph type="body" idx="54" hasCustomPrompt="1"/>
          </p:nvPr>
        </p:nvSpPr>
        <p:spPr>
          <a:xfrm>
            <a:off x="424667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59" name="Text Placeholder 2">
            <a:extLst>
              <a:ext uri="{FF2B5EF4-FFF2-40B4-BE49-F238E27FC236}">
                <a16:creationId xmlns:a16="http://schemas.microsoft.com/office/drawing/2014/main" id="{3C0A5B9F-4AB2-4194-670A-6BAA659BBE04}"/>
              </a:ext>
            </a:extLst>
          </p:cNvPr>
          <p:cNvSpPr>
            <a:spLocks noGrp="1"/>
          </p:cNvSpPr>
          <p:nvPr>
            <p:ph type="body" idx="55" hasCustomPrompt="1"/>
          </p:nvPr>
        </p:nvSpPr>
        <p:spPr>
          <a:xfrm>
            <a:off x="624043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60" name="Text Placeholder 2">
            <a:extLst>
              <a:ext uri="{FF2B5EF4-FFF2-40B4-BE49-F238E27FC236}">
                <a16:creationId xmlns:a16="http://schemas.microsoft.com/office/drawing/2014/main" id="{FBC78671-41AE-760E-F295-0C66D76600CC}"/>
              </a:ext>
            </a:extLst>
          </p:cNvPr>
          <p:cNvSpPr>
            <a:spLocks noGrp="1"/>
          </p:cNvSpPr>
          <p:nvPr>
            <p:ph type="body" idx="56" hasCustomPrompt="1"/>
          </p:nvPr>
        </p:nvSpPr>
        <p:spPr>
          <a:xfrm>
            <a:off x="623850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61" name="Text Placeholder 2">
            <a:extLst>
              <a:ext uri="{FF2B5EF4-FFF2-40B4-BE49-F238E27FC236}">
                <a16:creationId xmlns:a16="http://schemas.microsoft.com/office/drawing/2014/main" id="{6B617818-3C65-4310-3192-D7C616903311}"/>
              </a:ext>
            </a:extLst>
          </p:cNvPr>
          <p:cNvSpPr>
            <a:spLocks noGrp="1"/>
          </p:cNvSpPr>
          <p:nvPr>
            <p:ph type="body" idx="57" hasCustomPrompt="1"/>
          </p:nvPr>
        </p:nvSpPr>
        <p:spPr>
          <a:xfrm>
            <a:off x="823226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62" name="Text Placeholder 2">
            <a:extLst>
              <a:ext uri="{FF2B5EF4-FFF2-40B4-BE49-F238E27FC236}">
                <a16:creationId xmlns:a16="http://schemas.microsoft.com/office/drawing/2014/main" id="{0DEF8692-E32C-DC14-EFC6-312C62ED6DB2}"/>
              </a:ext>
            </a:extLst>
          </p:cNvPr>
          <p:cNvSpPr>
            <a:spLocks noGrp="1"/>
          </p:cNvSpPr>
          <p:nvPr>
            <p:ph type="body" idx="58" hasCustomPrompt="1"/>
          </p:nvPr>
        </p:nvSpPr>
        <p:spPr>
          <a:xfrm>
            <a:off x="823033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63" name="Text Placeholder 2">
            <a:extLst>
              <a:ext uri="{FF2B5EF4-FFF2-40B4-BE49-F238E27FC236}">
                <a16:creationId xmlns:a16="http://schemas.microsoft.com/office/drawing/2014/main" id="{AE732792-1C3B-2C5A-DAC5-DF8F70D8543E}"/>
              </a:ext>
            </a:extLst>
          </p:cNvPr>
          <p:cNvSpPr>
            <a:spLocks noGrp="1"/>
          </p:cNvSpPr>
          <p:nvPr>
            <p:ph type="body" idx="59" hasCustomPrompt="1"/>
          </p:nvPr>
        </p:nvSpPr>
        <p:spPr>
          <a:xfrm>
            <a:off x="10224090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64" name="Text Placeholder 2">
            <a:extLst>
              <a:ext uri="{FF2B5EF4-FFF2-40B4-BE49-F238E27FC236}">
                <a16:creationId xmlns:a16="http://schemas.microsoft.com/office/drawing/2014/main" id="{10A77E73-E69F-CF11-F6B2-F83590DC92AD}"/>
              </a:ext>
            </a:extLst>
          </p:cNvPr>
          <p:cNvSpPr>
            <a:spLocks noGrp="1"/>
          </p:cNvSpPr>
          <p:nvPr>
            <p:ph type="body" idx="60" hasCustomPrompt="1"/>
          </p:nvPr>
        </p:nvSpPr>
        <p:spPr>
          <a:xfrm>
            <a:off x="10222163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10067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9" name="Picture Placeholder 23">
            <a:extLst>
              <a:ext uri="{FF2B5EF4-FFF2-40B4-BE49-F238E27FC236}">
                <a16:creationId xmlns:a16="http://schemas.microsoft.com/office/drawing/2014/main" id="{B992DD5D-E996-41F5-0414-6899F16BE681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2292486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2" name="Picture Placeholder 23">
            <a:extLst>
              <a:ext uri="{FF2B5EF4-FFF2-40B4-BE49-F238E27FC236}">
                <a16:creationId xmlns:a16="http://schemas.microsoft.com/office/drawing/2014/main" id="{331BDA4E-EF3C-48FB-9AFB-C947E7BBC1D8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274905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5" name="Picture Placeholder 23">
            <a:extLst>
              <a:ext uri="{FF2B5EF4-FFF2-40B4-BE49-F238E27FC236}">
                <a16:creationId xmlns:a16="http://schemas.microsoft.com/office/drawing/2014/main" id="{C03E2EC8-B176-FDF0-32C5-167F56EC145F}"/>
              </a:ext>
            </a:extLst>
          </p:cNvPr>
          <p:cNvSpPr>
            <a:spLocks noGrp="1"/>
          </p:cNvSpPr>
          <p:nvPr>
            <p:ph type="pic" sz="quarter" idx="34"/>
          </p:nvPr>
        </p:nvSpPr>
        <p:spPr>
          <a:xfrm>
            <a:off x="6257324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4" name="Picture Placeholder 23">
            <a:extLst>
              <a:ext uri="{FF2B5EF4-FFF2-40B4-BE49-F238E27FC236}">
                <a16:creationId xmlns:a16="http://schemas.microsoft.com/office/drawing/2014/main" id="{3545FDAC-B642-EB51-6D8D-D93C67DB3694}"/>
              </a:ext>
            </a:extLst>
          </p:cNvPr>
          <p:cNvSpPr>
            <a:spLocks noGrp="1"/>
          </p:cNvSpPr>
          <p:nvPr>
            <p:ph type="pic" sz="quarter" idx="37"/>
          </p:nvPr>
        </p:nvSpPr>
        <p:spPr>
          <a:xfrm>
            <a:off x="8239743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4" name="Picture Placeholder 23">
            <a:extLst>
              <a:ext uri="{FF2B5EF4-FFF2-40B4-BE49-F238E27FC236}">
                <a16:creationId xmlns:a16="http://schemas.microsoft.com/office/drawing/2014/main" id="{7E94B64A-998D-9BB4-B63F-29E705815053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>
          <a:xfrm>
            <a:off x="10222163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6B35E099-749D-F90F-A00C-7E5B96B119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800800" cy="720000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E8F99CD2-89BF-CF6C-382E-BCF60A0085B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801929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521F7054-5AD9-E675-47B8-A53E59B6BEC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26494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8764479-B250-4657-27B8-0BEB7CA6FB05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6301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6" name="object 81">
            <a:extLst>
              <a:ext uri="{FF2B5EF4-FFF2-40B4-BE49-F238E27FC236}">
                <a16:creationId xmlns:a16="http://schemas.microsoft.com/office/drawing/2014/main" id="{030B48AF-B9DD-73C4-C3A9-0828AF5B9511}"/>
              </a:ext>
            </a:extLst>
          </p:cNvPr>
          <p:cNvSpPr/>
          <p:nvPr/>
        </p:nvSpPr>
        <p:spPr>
          <a:xfrm>
            <a:off x="320451" y="3915689"/>
            <a:ext cx="1646151" cy="1646151"/>
          </a:xfrm>
          <a:custGeom>
            <a:avLst/>
            <a:gdLst/>
            <a:ahLst/>
            <a:cxnLst/>
            <a:rect l="l" t="t" r="r" b="b"/>
            <a:pathLst>
              <a:path w="2714625" h="2714625">
                <a:moveTo>
                  <a:pt x="1357162" y="0"/>
                </a:moveTo>
                <a:lnTo>
                  <a:pt x="1308485" y="856"/>
                </a:lnTo>
                <a:lnTo>
                  <a:pt x="1260240" y="3407"/>
                </a:lnTo>
                <a:lnTo>
                  <a:pt x="1212454" y="7624"/>
                </a:lnTo>
                <a:lnTo>
                  <a:pt x="1165156" y="13477"/>
                </a:lnTo>
                <a:lnTo>
                  <a:pt x="1118376" y="20938"/>
                </a:lnTo>
                <a:lnTo>
                  <a:pt x="1072142" y="29979"/>
                </a:lnTo>
                <a:lnTo>
                  <a:pt x="1026482" y="40571"/>
                </a:lnTo>
                <a:lnTo>
                  <a:pt x="981426" y="52684"/>
                </a:lnTo>
                <a:lnTo>
                  <a:pt x="937002" y="66291"/>
                </a:lnTo>
                <a:lnTo>
                  <a:pt x="893238" y="81362"/>
                </a:lnTo>
                <a:lnTo>
                  <a:pt x="850164" y="97869"/>
                </a:lnTo>
                <a:lnTo>
                  <a:pt x="807808" y="115784"/>
                </a:lnTo>
                <a:lnTo>
                  <a:pt x="766199" y="135077"/>
                </a:lnTo>
                <a:lnTo>
                  <a:pt x="725366" y="155719"/>
                </a:lnTo>
                <a:lnTo>
                  <a:pt x="685337" y="177683"/>
                </a:lnTo>
                <a:lnTo>
                  <a:pt x="646141" y="200939"/>
                </a:lnTo>
                <a:lnTo>
                  <a:pt x="607807" y="225458"/>
                </a:lnTo>
                <a:lnTo>
                  <a:pt x="570363" y="251213"/>
                </a:lnTo>
                <a:lnTo>
                  <a:pt x="533838" y="278174"/>
                </a:lnTo>
                <a:lnTo>
                  <a:pt x="498261" y="306312"/>
                </a:lnTo>
                <a:lnTo>
                  <a:pt x="463661" y="335599"/>
                </a:lnTo>
                <a:lnTo>
                  <a:pt x="430066" y="366006"/>
                </a:lnTo>
                <a:lnTo>
                  <a:pt x="397504" y="397504"/>
                </a:lnTo>
                <a:lnTo>
                  <a:pt x="366006" y="430066"/>
                </a:lnTo>
                <a:lnTo>
                  <a:pt x="335599" y="463661"/>
                </a:lnTo>
                <a:lnTo>
                  <a:pt x="306312" y="498261"/>
                </a:lnTo>
                <a:lnTo>
                  <a:pt x="278174" y="533838"/>
                </a:lnTo>
                <a:lnTo>
                  <a:pt x="251213" y="570363"/>
                </a:lnTo>
                <a:lnTo>
                  <a:pt x="225458" y="607807"/>
                </a:lnTo>
                <a:lnTo>
                  <a:pt x="200939" y="646141"/>
                </a:lnTo>
                <a:lnTo>
                  <a:pt x="177683" y="685337"/>
                </a:lnTo>
                <a:lnTo>
                  <a:pt x="155719" y="725366"/>
                </a:lnTo>
                <a:lnTo>
                  <a:pt x="135077" y="766199"/>
                </a:lnTo>
                <a:lnTo>
                  <a:pt x="115784" y="807808"/>
                </a:lnTo>
                <a:lnTo>
                  <a:pt x="97869" y="850164"/>
                </a:lnTo>
                <a:lnTo>
                  <a:pt x="81362" y="893238"/>
                </a:lnTo>
                <a:lnTo>
                  <a:pt x="66291" y="937002"/>
                </a:lnTo>
                <a:lnTo>
                  <a:pt x="52684" y="981426"/>
                </a:lnTo>
                <a:lnTo>
                  <a:pt x="40571" y="1026482"/>
                </a:lnTo>
                <a:lnTo>
                  <a:pt x="29979" y="1072142"/>
                </a:lnTo>
                <a:lnTo>
                  <a:pt x="20938" y="1118376"/>
                </a:lnTo>
                <a:lnTo>
                  <a:pt x="13477" y="1165156"/>
                </a:lnTo>
                <a:lnTo>
                  <a:pt x="7624" y="1212454"/>
                </a:lnTo>
                <a:lnTo>
                  <a:pt x="3407" y="1260240"/>
                </a:lnTo>
                <a:lnTo>
                  <a:pt x="856" y="1308485"/>
                </a:lnTo>
                <a:lnTo>
                  <a:pt x="0" y="1357162"/>
                </a:lnTo>
                <a:lnTo>
                  <a:pt x="856" y="1405839"/>
                </a:lnTo>
                <a:lnTo>
                  <a:pt x="3407" y="1454085"/>
                </a:lnTo>
                <a:lnTo>
                  <a:pt x="7624" y="1501871"/>
                </a:lnTo>
                <a:lnTo>
                  <a:pt x="13477" y="1549168"/>
                </a:lnTo>
                <a:lnTo>
                  <a:pt x="20938" y="1595948"/>
                </a:lnTo>
                <a:lnTo>
                  <a:pt x="29979" y="1642183"/>
                </a:lnTo>
                <a:lnTo>
                  <a:pt x="40571" y="1687842"/>
                </a:lnTo>
                <a:lnTo>
                  <a:pt x="52684" y="1732898"/>
                </a:lnTo>
                <a:lnTo>
                  <a:pt x="66291" y="1777322"/>
                </a:lnTo>
                <a:lnTo>
                  <a:pt x="81362" y="1821085"/>
                </a:lnTo>
                <a:lnTo>
                  <a:pt x="97869" y="1864159"/>
                </a:lnTo>
                <a:lnTo>
                  <a:pt x="115784" y="1906515"/>
                </a:lnTo>
                <a:lnTo>
                  <a:pt x="135077" y="1948123"/>
                </a:lnTo>
                <a:lnTo>
                  <a:pt x="155719" y="1988956"/>
                </a:lnTo>
                <a:lnTo>
                  <a:pt x="177683" y="2028985"/>
                </a:lnTo>
                <a:lnTo>
                  <a:pt x="200939" y="2068181"/>
                </a:lnTo>
                <a:lnTo>
                  <a:pt x="225458" y="2106515"/>
                </a:lnTo>
                <a:lnTo>
                  <a:pt x="251213" y="2143958"/>
                </a:lnTo>
                <a:lnTo>
                  <a:pt x="278174" y="2180483"/>
                </a:lnTo>
                <a:lnTo>
                  <a:pt x="306312" y="2216059"/>
                </a:lnTo>
                <a:lnTo>
                  <a:pt x="335599" y="2250660"/>
                </a:lnTo>
                <a:lnTo>
                  <a:pt x="366006" y="2284254"/>
                </a:lnTo>
                <a:lnTo>
                  <a:pt x="397504" y="2316815"/>
                </a:lnTo>
                <a:lnTo>
                  <a:pt x="430066" y="2348313"/>
                </a:lnTo>
                <a:lnTo>
                  <a:pt x="463661" y="2378720"/>
                </a:lnTo>
                <a:lnTo>
                  <a:pt x="498261" y="2408007"/>
                </a:lnTo>
                <a:lnTo>
                  <a:pt x="533838" y="2436145"/>
                </a:lnTo>
                <a:lnTo>
                  <a:pt x="570363" y="2463105"/>
                </a:lnTo>
                <a:lnTo>
                  <a:pt x="607807" y="2488859"/>
                </a:lnTo>
                <a:lnTo>
                  <a:pt x="646141" y="2513378"/>
                </a:lnTo>
                <a:lnTo>
                  <a:pt x="685337" y="2536634"/>
                </a:lnTo>
                <a:lnTo>
                  <a:pt x="725366" y="2558597"/>
                </a:lnTo>
                <a:lnTo>
                  <a:pt x="766199" y="2579240"/>
                </a:lnTo>
                <a:lnTo>
                  <a:pt x="807808" y="2598532"/>
                </a:lnTo>
                <a:lnTo>
                  <a:pt x="850164" y="2616446"/>
                </a:lnTo>
                <a:lnTo>
                  <a:pt x="893238" y="2632953"/>
                </a:lnTo>
                <a:lnTo>
                  <a:pt x="937002" y="2648024"/>
                </a:lnTo>
                <a:lnTo>
                  <a:pt x="981426" y="2661631"/>
                </a:lnTo>
                <a:lnTo>
                  <a:pt x="1026482" y="2673744"/>
                </a:lnTo>
                <a:lnTo>
                  <a:pt x="1072142" y="2684336"/>
                </a:lnTo>
                <a:lnTo>
                  <a:pt x="1118376" y="2693376"/>
                </a:lnTo>
                <a:lnTo>
                  <a:pt x="1165156" y="2700838"/>
                </a:lnTo>
                <a:lnTo>
                  <a:pt x="1212454" y="2706691"/>
                </a:lnTo>
                <a:lnTo>
                  <a:pt x="1260240" y="2710907"/>
                </a:lnTo>
                <a:lnTo>
                  <a:pt x="1308485" y="2713458"/>
                </a:lnTo>
                <a:lnTo>
                  <a:pt x="1357162" y="2714315"/>
                </a:lnTo>
                <a:lnTo>
                  <a:pt x="1405839" y="2713458"/>
                </a:lnTo>
                <a:lnTo>
                  <a:pt x="1454085" y="2710907"/>
                </a:lnTo>
                <a:lnTo>
                  <a:pt x="1501871" y="2706691"/>
                </a:lnTo>
                <a:lnTo>
                  <a:pt x="1549168" y="2700838"/>
                </a:lnTo>
                <a:lnTo>
                  <a:pt x="1595949" y="2693376"/>
                </a:lnTo>
                <a:lnTo>
                  <a:pt x="1642183" y="2684336"/>
                </a:lnTo>
                <a:lnTo>
                  <a:pt x="1687843" y="2673744"/>
                </a:lnTo>
                <a:lnTo>
                  <a:pt x="1732899" y="2661631"/>
                </a:lnTo>
                <a:lnTo>
                  <a:pt x="1777323" y="2648024"/>
                </a:lnTo>
                <a:lnTo>
                  <a:pt x="1821087" y="2632953"/>
                </a:lnTo>
                <a:lnTo>
                  <a:pt x="1864161" y="2616446"/>
                </a:lnTo>
                <a:lnTo>
                  <a:pt x="1906516" y="2598532"/>
                </a:lnTo>
                <a:lnTo>
                  <a:pt x="1948125" y="2579240"/>
                </a:lnTo>
                <a:lnTo>
                  <a:pt x="1988959" y="2558597"/>
                </a:lnTo>
                <a:lnTo>
                  <a:pt x="2028988" y="2536634"/>
                </a:lnTo>
                <a:lnTo>
                  <a:pt x="2068184" y="2513378"/>
                </a:lnTo>
                <a:lnTo>
                  <a:pt x="2106518" y="2488859"/>
                </a:lnTo>
                <a:lnTo>
                  <a:pt x="2143962" y="2463105"/>
                </a:lnTo>
                <a:lnTo>
                  <a:pt x="2180487" y="2436145"/>
                </a:lnTo>
                <a:lnTo>
                  <a:pt x="2216064" y="2408007"/>
                </a:lnTo>
                <a:lnTo>
                  <a:pt x="2250664" y="2378720"/>
                </a:lnTo>
                <a:lnTo>
                  <a:pt x="2284259" y="2348313"/>
                </a:lnTo>
                <a:lnTo>
                  <a:pt x="2316820" y="2316815"/>
                </a:lnTo>
                <a:lnTo>
                  <a:pt x="2348319" y="2284254"/>
                </a:lnTo>
                <a:lnTo>
                  <a:pt x="2378726" y="2250660"/>
                </a:lnTo>
                <a:lnTo>
                  <a:pt x="2408013" y="2216059"/>
                </a:lnTo>
                <a:lnTo>
                  <a:pt x="2436151" y="2180483"/>
                </a:lnTo>
                <a:lnTo>
                  <a:pt x="2463112" y="2143958"/>
                </a:lnTo>
                <a:lnTo>
                  <a:pt x="2488866" y="2106515"/>
                </a:lnTo>
                <a:lnTo>
                  <a:pt x="2513386" y="2068181"/>
                </a:lnTo>
                <a:lnTo>
                  <a:pt x="2536642" y="2028985"/>
                </a:lnTo>
                <a:lnTo>
                  <a:pt x="2558605" y="1988956"/>
                </a:lnTo>
                <a:lnTo>
                  <a:pt x="2579248" y="1948123"/>
                </a:lnTo>
                <a:lnTo>
                  <a:pt x="2598541" y="1906515"/>
                </a:lnTo>
                <a:lnTo>
                  <a:pt x="2616455" y="1864159"/>
                </a:lnTo>
                <a:lnTo>
                  <a:pt x="2632963" y="1821085"/>
                </a:lnTo>
                <a:lnTo>
                  <a:pt x="2648034" y="1777322"/>
                </a:lnTo>
                <a:lnTo>
                  <a:pt x="2661641" y="1732898"/>
                </a:lnTo>
                <a:lnTo>
                  <a:pt x="2673754" y="1687842"/>
                </a:lnTo>
                <a:lnTo>
                  <a:pt x="2684346" y="1642183"/>
                </a:lnTo>
                <a:lnTo>
                  <a:pt x="2693386" y="1595948"/>
                </a:lnTo>
                <a:lnTo>
                  <a:pt x="2700848" y="1549168"/>
                </a:lnTo>
                <a:lnTo>
                  <a:pt x="2706701" y="1501871"/>
                </a:lnTo>
                <a:lnTo>
                  <a:pt x="2710918" y="1454085"/>
                </a:lnTo>
                <a:lnTo>
                  <a:pt x="2713469" y="1405839"/>
                </a:lnTo>
                <a:lnTo>
                  <a:pt x="2714325" y="1357162"/>
                </a:lnTo>
                <a:lnTo>
                  <a:pt x="2713469" y="1308485"/>
                </a:lnTo>
                <a:lnTo>
                  <a:pt x="2710918" y="1260240"/>
                </a:lnTo>
                <a:lnTo>
                  <a:pt x="2706701" y="1212454"/>
                </a:lnTo>
                <a:lnTo>
                  <a:pt x="2700848" y="1165156"/>
                </a:lnTo>
                <a:lnTo>
                  <a:pt x="2693386" y="1118376"/>
                </a:lnTo>
                <a:lnTo>
                  <a:pt x="2684346" y="1072142"/>
                </a:lnTo>
                <a:lnTo>
                  <a:pt x="2673754" y="1026482"/>
                </a:lnTo>
                <a:lnTo>
                  <a:pt x="2661641" y="981426"/>
                </a:lnTo>
                <a:lnTo>
                  <a:pt x="2648034" y="937002"/>
                </a:lnTo>
                <a:lnTo>
                  <a:pt x="2632963" y="893238"/>
                </a:lnTo>
                <a:lnTo>
                  <a:pt x="2616455" y="850164"/>
                </a:lnTo>
                <a:lnTo>
                  <a:pt x="2598541" y="807808"/>
                </a:lnTo>
                <a:lnTo>
                  <a:pt x="2579248" y="766199"/>
                </a:lnTo>
                <a:lnTo>
                  <a:pt x="2558605" y="725366"/>
                </a:lnTo>
                <a:lnTo>
                  <a:pt x="2536642" y="685337"/>
                </a:lnTo>
                <a:lnTo>
                  <a:pt x="2513386" y="646141"/>
                </a:lnTo>
                <a:lnTo>
                  <a:pt x="2488866" y="607807"/>
                </a:lnTo>
                <a:lnTo>
                  <a:pt x="2463112" y="570363"/>
                </a:lnTo>
                <a:lnTo>
                  <a:pt x="2436151" y="533838"/>
                </a:lnTo>
                <a:lnTo>
                  <a:pt x="2408013" y="498261"/>
                </a:lnTo>
                <a:lnTo>
                  <a:pt x="2378726" y="463661"/>
                </a:lnTo>
                <a:lnTo>
                  <a:pt x="2348319" y="430066"/>
                </a:lnTo>
                <a:lnTo>
                  <a:pt x="2316820" y="397504"/>
                </a:lnTo>
                <a:lnTo>
                  <a:pt x="2284259" y="366006"/>
                </a:lnTo>
                <a:lnTo>
                  <a:pt x="2250664" y="335599"/>
                </a:lnTo>
                <a:lnTo>
                  <a:pt x="2216064" y="306312"/>
                </a:lnTo>
                <a:lnTo>
                  <a:pt x="2180487" y="278174"/>
                </a:lnTo>
                <a:lnTo>
                  <a:pt x="2143962" y="251213"/>
                </a:lnTo>
                <a:lnTo>
                  <a:pt x="2106518" y="225458"/>
                </a:lnTo>
                <a:lnTo>
                  <a:pt x="2068184" y="200939"/>
                </a:lnTo>
                <a:lnTo>
                  <a:pt x="2028988" y="177683"/>
                </a:lnTo>
                <a:lnTo>
                  <a:pt x="1988959" y="155719"/>
                </a:lnTo>
                <a:lnTo>
                  <a:pt x="1948125" y="135077"/>
                </a:lnTo>
                <a:lnTo>
                  <a:pt x="1906516" y="115784"/>
                </a:lnTo>
                <a:lnTo>
                  <a:pt x="1864161" y="97869"/>
                </a:lnTo>
                <a:lnTo>
                  <a:pt x="1821087" y="81362"/>
                </a:lnTo>
                <a:lnTo>
                  <a:pt x="1777323" y="66291"/>
                </a:lnTo>
                <a:lnTo>
                  <a:pt x="1732899" y="52684"/>
                </a:lnTo>
                <a:lnTo>
                  <a:pt x="1687843" y="40571"/>
                </a:lnTo>
                <a:lnTo>
                  <a:pt x="1642183" y="29979"/>
                </a:lnTo>
                <a:lnTo>
                  <a:pt x="1595949" y="20938"/>
                </a:lnTo>
                <a:lnTo>
                  <a:pt x="1549168" y="13477"/>
                </a:lnTo>
                <a:lnTo>
                  <a:pt x="1501871" y="7624"/>
                </a:lnTo>
                <a:lnTo>
                  <a:pt x="1454085" y="3407"/>
                </a:lnTo>
                <a:lnTo>
                  <a:pt x="1405839" y="856"/>
                </a:lnTo>
                <a:lnTo>
                  <a:pt x="1357162" y="0"/>
                </a:lnTo>
                <a:close/>
              </a:path>
            </a:pathLst>
          </a:custGeom>
          <a:solidFill>
            <a:srgbClr val="FAFBFD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C5799E15-F5F0-D2FF-33C2-24DA89856540}"/>
              </a:ext>
            </a:extLst>
          </p:cNvPr>
          <p:cNvSpPr>
            <a:spLocks noGrp="1"/>
          </p:cNvSpPr>
          <p:nvPr>
            <p:ph type="body" idx="29" hasCustomPrompt="1"/>
          </p:nvPr>
        </p:nvSpPr>
        <p:spPr>
          <a:xfrm>
            <a:off x="225677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2613FED-E458-A826-5E6F-F5FAA4068A32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225484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0355E87E-ABDD-0B69-6B0B-1CE56BA96CF0}"/>
              </a:ext>
            </a:extLst>
          </p:cNvPr>
          <p:cNvSpPr>
            <a:spLocks noGrp="1"/>
          </p:cNvSpPr>
          <p:nvPr>
            <p:ph type="body" idx="32" hasCustomPrompt="1"/>
          </p:nvPr>
        </p:nvSpPr>
        <p:spPr>
          <a:xfrm>
            <a:off x="424860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127E0936-46FF-8948-1DBA-2A6D5333BD04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424667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4DEA0C02-7A7A-11FE-CA87-D00C1CA50D34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624043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D7E94A64-2364-C8D2-3115-73741481F082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623850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42" name="Text Placeholder 2">
            <a:extLst>
              <a:ext uri="{FF2B5EF4-FFF2-40B4-BE49-F238E27FC236}">
                <a16:creationId xmlns:a16="http://schemas.microsoft.com/office/drawing/2014/main" id="{75F54919-0519-E02D-1E00-2886C084D4E9}"/>
              </a:ext>
            </a:extLst>
          </p:cNvPr>
          <p:cNvSpPr>
            <a:spLocks noGrp="1"/>
          </p:cNvSpPr>
          <p:nvPr>
            <p:ph type="body" idx="38" hasCustomPrompt="1"/>
          </p:nvPr>
        </p:nvSpPr>
        <p:spPr>
          <a:xfrm>
            <a:off x="823226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3" name="Text Placeholder 2">
            <a:extLst>
              <a:ext uri="{FF2B5EF4-FFF2-40B4-BE49-F238E27FC236}">
                <a16:creationId xmlns:a16="http://schemas.microsoft.com/office/drawing/2014/main" id="{3A26BB3D-5F07-0225-B224-7DB428F51D72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823033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45" name="Text Placeholder 2">
            <a:extLst>
              <a:ext uri="{FF2B5EF4-FFF2-40B4-BE49-F238E27FC236}">
                <a16:creationId xmlns:a16="http://schemas.microsoft.com/office/drawing/2014/main" id="{3291D82C-3DCD-1456-981E-B79F26BE88F5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10224090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6" name="Text Placeholder 2">
            <a:extLst>
              <a:ext uri="{FF2B5EF4-FFF2-40B4-BE49-F238E27FC236}">
                <a16:creationId xmlns:a16="http://schemas.microsoft.com/office/drawing/2014/main" id="{C9AF2170-84DA-D239-F41B-9FC49CD2648A}"/>
              </a:ext>
            </a:extLst>
          </p:cNvPr>
          <p:cNvSpPr>
            <a:spLocks noGrp="1"/>
          </p:cNvSpPr>
          <p:nvPr>
            <p:ph type="body" idx="42" hasCustomPrompt="1"/>
          </p:nvPr>
        </p:nvSpPr>
        <p:spPr>
          <a:xfrm>
            <a:off x="10222163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</p:spTree>
    <p:extLst>
      <p:ext uri="{BB962C8B-B14F-4D97-AF65-F5344CB8AC3E}">
        <p14:creationId xmlns:p14="http://schemas.microsoft.com/office/powerpoint/2010/main" val="39983205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rg Char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1251310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29" name="Picture Placeholder 23">
            <a:extLst>
              <a:ext uri="{FF2B5EF4-FFF2-40B4-BE49-F238E27FC236}">
                <a16:creationId xmlns:a16="http://schemas.microsoft.com/office/drawing/2014/main" id="{085AF28B-7E7A-563A-D568-FEC67B5D5D9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198255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30" name="Picture Placeholder 23">
            <a:extLst>
              <a:ext uri="{FF2B5EF4-FFF2-40B4-BE49-F238E27FC236}">
                <a16:creationId xmlns:a16="http://schemas.microsoft.com/office/drawing/2014/main" id="{DC0DC504-98AF-18B6-2D60-4883D56A4CD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7145200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31" name="Picture Placeholder 23">
            <a:extLst>
              <a:ext uri="{FF2B5EF4-FFF2-40B4-BE49-F238E27FC236}">
                <a16:creationId xmlns:a16="http://schemas.microsoft.com/office/drawing/2014/main" id="{F1078E2B-10B7-7247-3D10-6A98153451C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99742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143982-B5B9-C71B-13F4-A2B3581D08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B854A09A-6B08-24DF-EB1F-6C5428C7C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42B505B-8A12-9399-D36E-C652E706F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B08B59AA-8702-1080-9437-961BB5137F4C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854488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203C7AE4-2D3A-ED1F-D320-99A36D465F29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52561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C60205D-A59C-DA07-A65A-E76329E2DA43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3801240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EC8E91CC-CBDB-1BA1-9B16-162B6F4BBB71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799955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22933C7E-5712-A0CB-4D56-610BCED9E0DD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694743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5085E58C-FD8D-E6D6-BC6A-7A52AEDA346D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9694743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B8020368-B452-2EC0-5E49-920A57860FC8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747992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5EB07F0A-1557-16CE-9EE9-FFEB0A65F52B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6747349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7" name="Picture Placeholder 23">
            <a:extLst>
              <a:ext uri="{FF2B5EF4-FFF2-40B4-BE49-F238E27FC236}">
                <a16:creationId xmlns:a16="http://schemas.microsoft.com/office/drawing/2014/main" id="{541CE664-9D92-6E26-647B-BD78B1C3BAFE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1251310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18" name="Picture Placeholder 23">
            <a:extLst>
              <a:ext uri="{FF2B5EF4-FFF2-40B4-BE49-F238E27FC236}">
                <a16:creationId xmlns:a16="http://schemas.microsoft.com/office/drawing/2014/main" id="{AD365B99-B214-DFAD-E857-477BFE025F9A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198255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19" name="Picture Placeholder 23">
            <a:extLst>
              <a:ext uri="{FF2B5EF4-FFF2-40B4-BE49-F238E27FC236}">
                <a16:creationId xmlns:a16="http://schemas.microsoft.com/office/drawing/2014/main" id="{E624F012-5DC7-F199-05E7-12D92EA8033F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7145200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20" name="Picture Placeholder 23">
            <a:extLst>
              <a:ext uri="{FF2B5EF4-FFF2-40B4-BE49-F238E27FC236}">
                <a16:creationId xmlns:a16="http://schemas.microsoft.com/office/drawing/2014/main" id="{5A105501-7838-3326-4EDC-E1A8E4D963D7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10099742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56C4071-D79D-A904-99D4-9F6DC76B4585}"/>
              </a:ext>
            </a:extLst>
          </p:cNvPr>
          <p:cNvSpPr>
            <a:spLocks noGrp="1"/>
          </p:cNvSpPr>
          <p:nvPr>
            <p:ph type="body" idx="32" hasCustomPrompt="1"/>
          </p:nvPr>
        </p:nvSpPr>
        <p:spPr>
          <a:xfrm>
            <a:off x="854488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44A4C343-A943-9F42-5D6C-BDDC79EB4361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852561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703BE71F-D393-7D02-92C5-C8E88CEF5D3D}"/>
              </a:ext>
            </a:extLst>
          </p:cNvPr>
          <p:cNvSpPr>
            <a:spLocks noGrp="1"/>
          </p:cNvSpPr>
          <p:nvPr>
            <p:ph type="body" idx="34" hasCustomPrompt="1"/>
          </p:nvPr>
        </p:nvSpPr>
        <p:spPr>
          <a:xfrm>
            <a:off x="3801240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D4218086-D5BB-7736-EE5D-2A816DBB9EE6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3799955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EA4636F1-8A51-DC6B-E78B-5F2CC4BDAC68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9694743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41E22ED4-B303-90F8-7C3A-CABD53112027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9694743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6F2AE0BB-9C08-20C1-8DD3-8FE0FEC093E0}"/>
              </a:ext>
            </a:extLst>
          </p:cNvPr>
          <p:cNvSpPr>
            <a:spLocks noGrp="1"/>
          </p:cNvSpPr>
          <p:nvPr>
            <p:ph type="body" idx="38" hasCustomPrompt="1"/>
          </p:nvPr>
        </p:nvSpPr>
        <p:spPr>
          <a:xfrm>
            <a:off x="6747992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6E366E56-074F-929D-311C-EB94F3F7018C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6747349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03B73FD8-6755-4ED7-9545-A939A3A50A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5A14B7C1-DE92-0CF3-398A-78021A090241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197330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1152705"/>
            <a:ext cx="1835999" cy="361637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spcBef>
                <a:spcPts val="300"/>
              </a:spcBef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>
              <a:spcBef>
                <a:spcPts val="300"/>
              </a:spcBef>
              <a:buNone/>
              <a:defRPr sz="1000" b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:</a:t>
            </a:r>
          </a:p>
          <a:p>
            <a:pPr lvl="1"/>
            <a:r>
              <a:rPr lang="en-US" dirty="0"/>
              <a:t>Latin America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251158" y="3361315"/>
            <a:ext cx="4759200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207634" y="3361315"/>
            <a:ext cx="4759200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E7E8B8B-CEF9-C40F-A076-109E18ECE678}"/>
              </a:ext>
            </a:extLst>
          </p:cNvPr>
          <p:cNvCxnSpPr>
            <a:cxnSpLocks/>
          </p:cNvCxnSpPr>
          <p:nvPr userDrawn="1"/>
        </p:nvCxnSpPr>
        <p:spPr>
          <a:xfrm>
            <a:off x="7113616" y="1152705"/>
            <a:ext cx="0" cy="5072225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EE57B69-E8CC-2F60-9121-471EDB7C6F0D}"/>
              </a:ext>
            </a:extLst>
          </p:cNvPr>
          <p:cNvCxnSpPr>
            <a:cxnSpLocks/>
          </p:cNvCxnSpPr>
          <p:nvPr userDrawn="1"/>
        </p:nvCxnSpPr>
        <p:spPr>
          <a:xfrm>
            <a:off x="2138597" y="1152705"/>
            <a:ext cx="0" cy="5072225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E9289C6D-B4A9-671A-17D2-D79694EE6858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215900" y="1609905"/>
            <a:ext cx="1835999" cy="361637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spcBef>
                <a:spcPts val="300"/>
              </a:spcBef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>
              <a:spcBef>
                <a:spcPts val="300"/>
              </a:spcBef>
              <a:buNone/>
              <a:defRPr sz="1000" b="0" i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:</a:t>
            </a:r>
          </a:p>
          <a:p>
            <a:pPr lvl="1"/>
            <a:r>
              <a:rPr lang="en-US" dirty="0"/>
              <a:t>Oil &amp; Gas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05CB0D90-A18E-9000-8D7B-F2112D8B6704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215900" y="2067105"/>
            <a:ext cx="1835999" cy="361637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spcBef>
                <a:spcPts val="300"/>
              </a:spcBef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>
              <a:spcBef>
                <a:spcPts val="300"/>
              </a:spcBef>
              <a:buNone/>
              <a:defRPr sz="1000" b="0" i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ERVICE:</a:t>
            </a:r>
          </a:p>
          <a:p>
            <a:pPr lvl="1"/>
            <a:r>
              <a:rPr lang="en-US" dirty="0"/>
              <a:t>Capital Project Delivery</a:t>
            </a:r>
          </a:p>
        </p:txBody>
      </p:sp>
      <p:sp>
        <p:nvSpPr>
          <p:cNvPr id="30" name="Text Placeholder 2">
            <a:extLst>
              <a:ext uri="{FF2B5EF4-FFF2-40B4-BE49-F238E27FC236}">
                <a16:creationId xmlns:a16="http://schemas.microsoft.com/office/drawing/2014/main" id="{24E02BA7-1EB1-8025-45E5-C025A10B43F0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4236255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158D0FC7-CD06-2182-54E5-3AC496964972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9212834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74FE3CCE-31D8-10CB-877C-0E318FE48FD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51158" y="1152705"/>
            <a:ext cx="4759174" cy="213092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B03F51A-91E0-9BB0-EE1E-2BAB05E16D9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216900" y="1152705"/>
            <a:ext cx="4759200" cy="213092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56F4691-BA23-FB99-F5CB-28090B6AE2F6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6" y="215997"/>
            <a:ext cx="11760194" cy="720000"/>
          </a:xfrm>
        </p:spPr>
        <p:txBody>
          <a:bodyPr wrap="square"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</p:spTree>
    <p:extLst>
      <p:ext uri="{BB962C8B-B14F-4D97-AF65-F5344CB8AC3E}">
        <p14:creationId xmlns:p14="http://schemas.microsoft.com/office/powerpoint/2010/main" val="30550526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345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2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971580"/>
            <a:ext cx="5788799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9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>
            <a:cxnSpLocks/>
          </p:cNvCxnSpPr>
          <p:nvPr userDrawn="1"/>
        </p:nvCxnSpPr>
        <p:spPr>
          <a:xfrm>
            <a:off x="6096000" y="215998"/>
            <a:ext cx="0" cy="601200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3361315"/>
            <a:ext cx="5790571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85533" y="3361315"/>
            <a:ext cx="5790571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159200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85541" y="971580"/>
            <a:ext cx="5788799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9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5535" y="1512000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85541" y="1157964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215998"/>
            <a:ext cx="5788799" cy="72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85532" y="215998"/>
            <a:ext cx="5788799" cy="72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28F93F4E-F1C1-0924-03A5-3C50D2B72093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3252469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5F59D18-7C55-92E8-2A10-96D5F6546B89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9212834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</p:spTree>
    <p:extLst>
      <p:ext uri="{BB962C8B-B14F-4D97-AF65-F5344CB8AC3E}">
        <p14:creationId xmlns:p14="http://schemas.microsoft.com/office/powerpoint/2010/main" val="34229619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3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898" y="9720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7" y="4119783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898" y="11592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898" y="215999"/>
            <a:ext cx="3780000" cy="720000"/>
          </a:xfrm>
        </p:spPr>
        <p:txBody>
          <a:bodyPr wrap="square"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410095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8091052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06001" y="4119783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4206001" y="9720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4206001" y="115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4206001" y="215999"/>
            <a:ext cx="3780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8196104" y="4119783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8196104" y="9720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8196104" y="115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8196104" y="215999"/>
            <a:ext cx="3780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DF091384-EDE5-486E-AF6E-0CADB050BD06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4206001" y="6104440"/>
            <a:ext cx="3780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4E2DD002-8DEB-E121-D5A6-1E1EF154FB04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8196104" y="6104440"/>
            <a:ext cx="3780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9647ADE7-A677-D823-F40A-A80FDF0C9E24}"/>
              </a:ext>
            </a:extLst>
          </p:cNvPr>
          <p:cNvSpPr>
            <a:spLocks noGrp="1"/>
          </p:cNvSpPr>
          <p:nvPr>
            <p:ph type="body" idx="40" hasCustomPrompt="1"/>
          </p:nvPr>
        </p:nvSpPr>
        <p:spPr>
          <a:xfrm>
            <a:off x="215898" y="6104440"/>
            <a:ext cx="3780000" cy="126509"/>
          </a:xfrm>
        </p:spPr>
        <p:txBody>
          <a:bodyPr wrap="square"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897" y="1512000"/>
            <a:ext cx="3780000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4206001" y="1512000"/>
            <a:ext cx="3780000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8196104" y="1512000"/>
            <a:ext cx="3780000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0029936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Image - Full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1" y="2196000"/>
            <a:ext cx="7560000" cy="1962076"/>
          </a:xfrm>
        </p:spPr>
        <p:txBody>
          <a:bodyPr anchor="b"/>
          <a:lstStyle>
            <a:lvl1pPr algn="l">
              <a:lnSpc>
                <a:spcPct val="85000"/>
              </a:lnSpc>
              <a:defRPr sz="7500" b="0" spc="12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lide – </a:t>
            </a:r>
            <a:br>
              <a:rPr lang="en-US" dirty="0"/>
            </a:br>
            <a:r>
              <a:rPr lang="en-US" dirty="0"/>
              <a:t>Dark photo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21D364F-0471-FD87-D910-3D72FACD233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3" y="4500000"/>
            <a:ext cx="7561262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A1BD52E9-8A2C-098C-9B3C-65CD7F63D7E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51366" y="151824"/>
            <a:ext cx="2149716" cy="838859"/>
          </a:xfrm>
          <a:prstGeom prst="rect">
            <a:avLst/>
          </a:prstGeom>
        </p:spPr>
      </p:pic>
      <p:sp>
        <p:nvSpPr>
          <p:cNvPr id="15" name="object 9">
            <a:extLst>
              <a:ext uri="{FF2B5EF4-FFF2-40B4-BE49-F238E27FC236}">
                <a16:creationId xmlns:a16="http://schemas.microsoft.com/office/drawing/2014/main" id="{5A2DF0DB-1B16-3C7F-91C3-AB86140B4556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bg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C3C9E3BA-72EB-B611-FA61-01F382A4D90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15900" y="1872000"/>
            <a:ext cx="7561262" cy="237181"/>
          </a:xfrm>
        </p:spPr>
        <p:txBody>
          <a:bodyPr>
            <a:spAutoFit/>
          </a:bodyPr>
          <a:lstStyle>
            <a:lvl1pPr marL="0" indent="0">
              <a:buNone/>
              <a:defRPr sz="1500" cap="all" spc="5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13615519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4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57802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4119783"/>
            <a:ext cx="2753999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69101" y="4119783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69101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69101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69101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3081204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903440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3192503" y="4119783"/>
            <a:ext cx="2767555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3192503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3192503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3192503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9145698" y="4119783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9145698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9145698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9145698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DF091384-EDE5-486E-AF6E-0CADB050BD06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3238912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B782E82C-83F2-5B6B-0368-B7514B259E6C}"/>
              </a:ext>
            </a:extLst>
          </p:cNvPr>
          <p:cNvSpPr>
            <a:spLocks noGrp="1"/>
          </p:cNvSpPr>
          <p:nvPr>
            <p:ph type="body" idx="38" hasCustomPrompt="1"/>
          </p:nvPr>
        </p:nvSpPr>
        <p:spPr>
          <a:xfrm>
            <a:off x="6199088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4E2DD002-8DEB-E121-D5A6-1E1EF154FB04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9145698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9647ADE7-A677-D823-F40A-A80FDF0C9E24}"/>
              </a:ext>
            </a:extLst>
          </p:cNvPr>
          <p:cNvSpPr>
            <a:spLocks noGrp="1"/>
          </p:cNvSpPr>
          <p:nvPr>
            <p:ph type="body" idx="40" hasCustomPrompt="1"/>
          </p:nvPr>
        </p:nvSpPr>
        <p:spPr>
          <a:xfrm>
            <a:off x="215900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900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192503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0" name="Text Placeholder 37">
            <a:extLst>
              <a:ext uri="{FF2B5EF4-FFF2-40B4-BE49-F238E27FC236}">
                <a16:creationId xmlns:a16="http://schemas.microsoft.com/office/drawing/2014/main" id="{CA21D913-3D69-C3C9-8A5C-B848F44EE07F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6169101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9145698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29801538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935" userDrawn="1">
          <p15:clr>
            <a:srgbClr val="FBAE40"/>
          </p15:clr>
        </p15:guide>
        <p15:guide id="2" pos="5677" userDrawn="1">
          <p15:clr>
            <a:srgbClr val="FBAE40"/>
          </p15:clr>
        </p15:guide>
        <p15:guide id="3" pos="3817" userDrawn="1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2 Up - 1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A7A0B3F4-B6FF-D0FD-5E64-A2A30F2CE4BE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215906" y="215997"/>
            <a:ext cx="11760194" cy="720000"/>
          </a:xfrm>
        </p:spPr>
        <p:txBody>
          <a:bodyPr wrap="square"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2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 title</a:t>
            </a:r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1429200"/>
            <a:ext cx="5788799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9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>
            <a:cxnSpLocks/>
          </p:cNvCxnSpPr>
          <p:nvPr userDrawn="1"/>
        </p:nvCxnSpPr>
        <p:spPr>
          <a:xfrm>
            <a:off x="6096000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3703588"/>
            <a:ext cx="5790571" cy="2520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857600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85533" y="3703588"/>
            <a:ext cx="5790571" cy="2520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616400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85541" y="1429200"/>
            <a:ext cx="5788799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9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5535" y="1859241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85541" y="1616619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993600"/>
            <a:ext cx="5788799" cy="36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85532" y="993600"/>
            <a:ext cx="5788799" cy="36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</p:spTree>
    <p:extLst>
      <p:ext uri="{BB962C8B-B14F-4D97-AF65-F5344CB8AC3E}">
        <p14:creationId xmlns:p14="http://schemas.microsoft.com/office/powerpoint/2010/main" val="32757321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3 Up - 1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BCB702A5-EAB9-D745-36B6-F44AA1B75E1D}"/>
              </a:ext>
            </a:extLst>
          </p:cNvPr>
          <p:cNvSpPr>
            <a:spLocks noGrp="1"/>
          </p:cNvSpPr>
          <p:nvPr>
            <p:ph type="body" idx="45" hasCustomPrompt="1"/>
          </p:nvPr>
        </p:nvSpPr>
        <p:spPr>
          <a:xfrm>
            <a:off x="215906" y="215997"/>
            <a:ext cx="11760194" cy="720000"/>
          </a:xfrm>
        </p:spPr>
        <p:txBody>
          <a:bodyPr wrap="square"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2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 title</a:t>
            </a:r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898" y="14292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7" y="4321031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898" y="16164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898" y="993600"/>
            <a:ext cx="3780000" cy="360000"/>
          </a:xfrm>
        </p:spPr>
        <p:txBody>
          <a:bodyPr wrap="square"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4100950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8091052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06001" y="4321031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4206001" y="142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4206001" y="16164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4206001" y="993600"/>
            <a:ext cx="3780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8196104" y="4321031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8196104" y="142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8196104" y="16164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8196104" y="993600"/>
            <a:ext cx="3780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897" y="1857600"/>
            <a:ext cx="3780000" cy="235912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4206001" y="1857600"/>
            <a:ext cx="3780000" cy="235912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8196104" y="1857600"/>
            <a:ext cx="3780000" cy="235912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6344860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4 Up - 1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142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57802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4321031"/>
            <a:ext cx="2753999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69101" y="4321031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6164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69101" y="142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69101" y="16164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993600"/>
            <a:ext cx="2754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69101" y="993600"/>
            <a:ext cx="2754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3081204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9034400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3192503" y="4321031"/>
            <a:ext cx="2767555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3192503" y="142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3192503" y="16164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3192503" y="993600"/>
            <a:ext cx="2754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9145698" y="4321031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9145698" y="142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9145698" y="16164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9145698" y="993600"/>
            <a:ext cx="2754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900" y="1857600"/>
            <a:ext cx="2754000" cy="2340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192503" y="1857600"/>
            <a:ext cx="2754000" cy="2340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0" name="Text Placeholder 37">
            <a:extLst>
              <a:ext uri="{FF2B5EF4-FFF2-40B4-BE49-F238E27FC236}">
                <a16:creationId xmlns:a16="http://schemas.microsoft.com/office/drawing/2014/main" id="{CA21D913-3D69-C3C9-8A5C-B848F44EE07F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6169101" y="1857600"/>
            <a:ext cx="2754000" cy="2340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9145698" y="1857600"/>
            <a:ext cx="2754000" cy="2340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8DACCCC2-35CD-8DF7-D30A-D8E31BC0AA26}"/>
              </a:ext>
            </a:extLst>
          </p:cNvPr>
          <p:cNvSpPr>
            <a:spLocks noGrp="1"/>
          </p:cNvSpPr>
          <p:nvPr>
            <p:ph type="body" idx="45" hasCustomPrompt="1"/>
          </p:nvPr>
        </p:nvSpPr>
        <p:spPr>
          <a:xfrm>
            <a:off x="215906" y="215997"/>
            <a:ext cx="11760194" cy="720000"/>
          </a:xfrm>
        </p:spPr>
        <p:txBody>
          <a:bodyPr wrap="square"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2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 title</a:t>
            </a:r>
          </a:p>
        </p:txBody>
      </p:sp>
    </p:spTree>
    <p:extLst>
      <p:ext uri="{BB962C8B-B14F-4D97-AF65-F5344CB8AC3E}">
        <p14:creationId xmlns:p14="http://schemas.microsoft.com/office/powerpoint/2010/main" val="42868369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935" userDrawn="1">
          <p15:clr>
            <a:srgbClr val="FBAE40"/>
          </p15:clr>
        </p15:guide>
        <p15:guide id="2" pos="5677" userDrawn="1">
          <p15:clr>
            <a:srgbClr val="FBAE40"/>
          </p15:clr>
        </p15:guide>
        <p15:guide id="3" pos="3817" userDrawn="1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2EB2C830-6981-AC29-3A83-F01B7FC80BA0}"/>
              </a:ext>
            </a:extLst>
          </p:cNvPr>
          <p:cNvSpPr txBox="1"/>
          <p:nvPr userDrawn="1"/>
        </p:nvSpPr>
        <p:spPr>
          <a:xfrm>
            <a:off x="216706" y="106273"/>
            <a:ext cx="1848679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spc="40" baseline="0" dirty="0">
                <a:solidFill>
                  <a:schemeClr val="bg1"/>
                </a:solidFill>
              </a:rPr>
              <a:t>Thank you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64A621A8-DF02-4872-A0EE-D9A2BD32104B}"/>
              </a:ext>
            </a:extLst>
          </p:cNvPr>
          <p:cNvCxnSpPr>
            <a:cxnSpLocks/>
          </p:cNvCxnSpPr>
          <p:nvPr userDrawn="1"/>
        </p:nvCxnSpPr>
        <p:spPr>
          <a:xfrm>
            <a:off x="2135465" y="198766"/>
            <a:ext cx="0" cy="1303009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840430-5D73-9449-8351-023593D9E35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54250" y="198438"/>
            <a:ext cx="2779388" cy="1303337"/>
          </a:xfrm>
        </p:spPr>
        <p:txBody>
          <a:bodyPr/>
          <a:lstStyle>
            <a:lvl1pPr>
              <a:defRPr sz="16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If further information is required, please contact:</a:t>
            </a:r>
          </a:p>
        </p:txBody>
      </p:sp>
    </p:spTree>
    <p:extLst>
      <p:ext uri="{BB962C8B-B14F-4D97-AF65-F5344CB8AC3E}">
        <p14:creationId xmlns:p14="http://schemas.microsoft.com/office/powerpoint/2010/main" val="17222509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42475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0374302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DO NOT USE SLIDES AFTER THI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o not use">
            <a:extLst>
              <a:ext uri="{FF2B5EF4-FFF2-40B4-BE49-F238E27FC236}">
                <a16:creationId xmlns:a16="http://schemas.microsoft.com/office/drawing/2014/main" id="{18DBAB69-9F01-979A-4BAC-74690AAD4DB3}"/>
              </a:ext>
            </a:extLst>
          </p:cNvPr>
          <p:cNvSpPr txBox="1"/>
          <p:nvPr userDrawn="1"/>
        </p:nvSpPr>
        <p:spPr>
          <a:xfrm>
            <a:off x="215900" y="656823"/>
            <a:ext cx="11760199" cy="20313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tx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tx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tx1"/>
                </a:solidFill>
              </a:rPr>
              <a:t>one</a:t>
            </a:r>
            <a:r>
              <a:rPr lang="en-GB" sz="4400" b="1" i="1" noProof="0" dirty="0">
                <a:solidFill>
                  <a:schemeClr val="tx1"/>
                </a:solidFill>
              </a:rPr>
              <a:t>,</a:t>
            </a:r>
            <a:br>
              <a:rPr lang="en-GB" sz="4400" b="0" i="0" noProof="0" dirty="0">
                <a:solidFill>
                  <a:schemeClr val="tx1"/>
                </a:solidFill>
              </a:rPr>
            </a:br>
            <a:r>
              <a:rPr lang="en-GB" sz="44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tx1"/>
                </a:solidFill>
              </a:rPr>
              <a:t>are not </a:t>
            </a:r>
            <a:r>
              <a:rPr lang="en-GB" sz="4400" b="0" noProof="0" dirty="0">
                <a:solidFill>
                  <a:schemeClr val="tx1"/>
                </a:solidFill>
              </a:rPr>
              <a:t>part </a:t>
            </a:r>
            <a:br>
              <a:rPr lang="en-GB" sz="4400" b="0" noProof="0" dirty="0">
                <a:solidFill>
                  <a:schemeClr val="tx1"/>
                </a:solidFill>
              </a:rPr>
            </a:br>
            <a:r>
              <a:rPr lang="en-GB" sz="4400" b="0" noProof="0" dirty="0">
                <a:solidFill>
                  <a:schemeClr val="tx1"/>
                </a:solidFill>
              </a:rPr>
              <a:t>of our </a:t>
            </a:r>
            <a:r>
              <a:rPr lang="en-GB" sz="4400" b="1" noProof="0" dirty="0">
                <a:solidFill>
                  <a:schemeClr val="tx1"/>
                </a:solidFill>
              </a:rPr>
              <a:t>NEW </a:t>
            </a:r>
            <a:r>
              <a:rPr lang="en-GB" sz="4400" b="0" noProof="0" dirty="0">
                <a:solidFill>
                  <a:schemeClr val="tx1"/>
                </a:solidFill>
              </a:rPr>
              <a:t>template.</a:t>
            </a:r>
            <a:endParaRPr lang="en-GB" sz="2800" b="0" noProof="0" dirty="0">
              <a:solidFill>
                <a:schemeClr val="tx1"/>
              </a:solidFill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A803B67A-6898-DD83-F263-BCB7AC7CFAC6}"/>
              </a:ext>
            </a:extLst>
          </p:cNvPr>
          <p:cNvSpPr/>
          <p:nvPr userDrawn="1"/>
        </p:nvSpPr>
        <p:spPr>
          <a:xfrm>
            <a:off x="215900" y="2578102"/>
            <a:ext cx="11760200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tx1"/>
                </a:solidFill>
              </a:rPr>
              <a:t>Do not use </a:t>
            </a:r>
            <a:endParaRPr lang="en-GB" sz="15000" b="1" i="0" dirty="0">
              <a:solidFill>
                <a:schemeClr val="tx1"/>
              </a:solidFill>
            </a:endParaRPr>
          </a:p>
        </p:txBody>
      </p:sp>
      <p:sp>
        <p:nvSpPr>
          <p:cNvPr id="5" name="Do not use">
            <a:extLst>
              <a:ext uri="{FF2B5EF4-FFF2-40B4-BE49-F238E27FC236}">
                <a16:creationId xmlns:a16="http://schemas.microsoft.com/office/drawing/2014/main" id="{820CAA70-789B-106B-50B8-51F1A167D0B8}"/>
              </a:ext>
            </a:extLst>
          </p:cNvPr>
          <p:cNvSpPr txBox="1"/>
          <p:nvPr userDrawn="1"/>
        </p:nvSpPr>
        <p:spPr>
          <a:xfrm>
            <a:off x="215900" y="5186455"/>
            <a:ext cx="11760200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tx1"/>
                </a:solidFill>
              </a:rPr>
              <a:t>Due to PowerPoint’s standard Copy/Paste functionality additional layouts </a:t>
            </a:r>
            <a:br>
              <a:rPr lang="en-GB" sz="2000" b="0" noProof="0" dirty="0">
                <a:solidFill>
                  <a:schemeClr val="tx1"/>
                </a:solidFill>
              </a:rPr>
            </a:br>
            <a:r>
              <a:rPr lang="en-GB" sz="2000" b="0" noProof="0" dirty="0">
                <a:solidFill>
                  <a:schemeClr val="tx1"/>
                </a:solidFill>
              </a:rPr>
              <a:t>can appear from old templates – please delete old slide masters if possible.</a:t>
            </a:r>
            <a:endParaRPr lang="en-GB" sz="1800" b="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76884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Image - Light">
    <p:bg>
      <p:bgPr>
        <a:blipFill dpi="0" rotWithShape="1">
          <a:blip r:embed="rId2"/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1" y="2196000"/>
            <a:ext cx="7560000" cy="1962076"/>
          </a:xfrm>
        </p:spPr>
        <p:txBody>
          <a:bodyPr anchor="b"/>
          <a:lstStyle>
            <a:lvl1pPr algn="l">
              <a:lnSpc>
                <a:spcPct val="85000"/>
              </a:lnSpc>
              <a:defRPr sz="75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– </a:t>
            </a:r>
            <a:br>
              <a:rPr lang="en-US" dirty="0"/>
            </a:br>
            <a:r>
              <a:rPr lang="en-US" dirty="0"/>
              <a:t>Light photo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2" y="4284000"/>
            <a:ext cx="756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21D364F-0471-FD87-D910-3D72FACD233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3" y="4500000"/>
            <a:ext cx="7561262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A1BD52E9-8A2C-098C-9B3C-65CD7F63D7E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51881" y="152080"/>
            <a:ext cx="2148685" cy="838347"/>
          </a:xfrm>
          <a:prstGeom prst="rect">
            <a:avLst/>
          </a:prstGeom>
        </p:spPr>
      </p:pic>
      <p:sp>
        <p:nvSpPr>
          <p:cNvPr id="15" name="object 9">
            <a:extLst>
              <a:ext uri="{FF2B5EF4-FFF2-40B4-BE49-F238E27FC236}">
                <a16:creationId xmlns:a16="http://schemas.microsoft.com/office/drawing/2014/main" id="{5A2DF0DB-1B16-3C7F-91C3-AB86140B4556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D865E905-91CA-2A4F-5B0D-33E8833047F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15900" y="1872000"/>
            <a:ext cx="7561262" cy="237181"/>
          </a:xfrm>
        </p:spPr>
        <p:txBody>
          <a:bodyPr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22282626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s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0B380113-EB15-D278-5FA4-A2227E451F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403930" y="504000"/>
            <a:ext cx="2392714" cy="7755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Agenda/</a:t>
            </a:r>
            <a:br>
              <a:rPr lang="en-GB" dirty="0"/>
            </a:br>
            <a:r>
              <a:rPr lang="en-GB" dirty="0"/>
              <a:t>contents</a:t>
            </a:r>
            <a:endParaRPr lang="en-US" dirty="0"/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27CE7B54-B736-2F71-DD6B-061B8DECB81A}"/>
              </a:ext>
            </a:extLst>
          </p:cNvPr>
          <p:cNvCxnSpPr>
            <a:cxnSpLocks/>
          </p:cNvCxnSpPr>
          <p:nvPr userDrawn="1"/>
        </p:nvCxnSpPr>
        <p:spPr>
          <a:xfrm>
            <a:off x="3296887" y="475013"/>
            <a:ext cx="0" cy="1282535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589F9443-AEE3-EB37-C7A0-7A567BE323F2}"/>
              </a:ext>
            </a:extLst>
          </p:cNvPr>
          <p:cNvCxnSpPr>
            <a:cxnSpLocks/>
          </p:cNvCxnSpPr>
          <p:nvPr userDrawn="1"/>
        </p:nvCxnSpPr>
        <p:spPr>
          <a:xfrm>
            <a:off x="6096000" y="475013"/>
            <a:ext cx="0" cy="5783283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19830C7-7146-11DB-4084-0AA2745E068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307282" y="503238"/>
            <a:ext cx="5668818" cy="5754687"/>
          </a:xfrm>
        </p:spPr>
        <p:txBody>
          <a:bodyPr/>
          <a:lstStyle>
            <a:lvl1pPr marL="457200" indent="-457200">
              <a:buAutoNum type="arabicPlain"/>
              <a:tabLst>
                <a:tab pos="540000" algn="l"/>
              </a:tabLst>
              <a:defRPr sz="2800">
                <a:solidFill>
                  <a:schemeClr val="bg1"/>
                </a:solidFill>
              </a:defRPr>
            </a:lvl1pPr>
            <a:lvl2pPr>
              <a:defRPr sz="2000">
                <a:solidFill>
                  <a:schemeClr val="bg1"/>
                </a:solidFill>
              </a:defRPr>
            </a:lvl2pPr>
            <a:lvl3pPr>
              <a:defRPr sz="2000">
                <a:solidFill>
                  <a:schemeClr val="bg1"/>
                </a:solidFill>
              </a:defRPr>
            </a:lvl3pPr>
            <a:lvl4pPr>
              <a:defRPr sz="2000">
                <a:solidFill>
                  <a:schemeClr val="bg1"/>
                </a:solidFill>
              </a:defRPr>
            </a:lvl4pPr>
            <a:lvl5pPr>
              <a:defRPr sz="20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Section 1</a:t>
            </a:r>
          </a:p>
          <a:p>
            <a:pPr lvl="0"/>
            <a:r>
              <a:rPr lang="en-GB" dirty="0" err="1"/>
              <a:t>Sectiion</a:t>
            </a:r>
            <a:r>
              <a:rPr lang="en-GB" dirty="0"/>
              <a:t> 2</a:t>
            </a:r>
          </a:p>
        </p:txBody>
      </p:sp>
    </p:spTree>
    <p:extLst>
      <p:ext uri="{BB962C8B-B14F-4D97-AF65-F5344CB8AC3E}">
        <p14:creationId xmlns:p14="http://schemas.microsoft.com/office/powerpoint/2010/main" val="21519720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 –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no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2E989688-6A3A-4541-AAF9-E4CC1729012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2098052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96000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5790565" cy="46800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5535" y="1512000"/>
            <a:ext cx="5790565" cy="4680000"/>
          </a:xfrm>
        </p:spPr>
        <p:txBody>
          <a:bodyPr>
            <a:noAutofit/>
          </a:bodyPr>
          <a:lstStyle>
            <a:lvl1pPr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117576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117576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259003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039D252-AA11-F8B2-BB0D-DE7B7C47A4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900" y="216000"/>
            <a:ext cx="11760200" cy="38779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81D4C98-DAD2-504C-23D9-81EDD5036CD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15899" y="1512000"/>
            <a:ext cx="11760201" cy="435133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3C863A-680A-A08D-A073-166C02C2AB8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313999" y="6426000"/>
            <a:ext cx="468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/>
              <a:t>IChemE Hazards 33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6C80B84-6DC2-D2A3-4529-8282B23312C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36100" y="6426000"/>
            <a:ext cx="54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42318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8" r:id="rId2"/>
    <p:sldLayoutId id="2147483704" r:id="rId3"/>
    <p:sldLayoutId id="2147483701" r:id="rId4"/>
    <p:sldLayoutId id="2147483649" r:id="rId5"/>
    <p:sldLayoutId id="2147483685" r:id="rId6"/>
    <p:sldLayoutId id="2147483650" r:id="rId7"/>
    <p:sldLayoutId id="2147483670" r:id="rId8"/>
    <p:sldLayoutId id="2147483679" r:id="rId9"/>
    <p:sldLayoutId id="2147483696" r:id="rId10"/>
    <p:sldLayoutId id="2147483702" r:id="rId11"/>
    <p:sldLayoutId id="2147483686" r:id="rId12"/>
    <p:sldLayoutId id="2147483680" r:id="rId13"/>
    <p:sldLayoutId id="2147483692" r:id="rId14"/>
    <p:sldLayoutId id="2147483705" r:id="rId15"/>
    <p:sldLayoutId id="2147483671" r:id="rId16"/>
    <p:sldLayoutId id="2147483672" r:id="rId17"/>
    <p:sldLayoutId id="2147483706" r:id="rId18"/>
    <p:sldLayoutId id="2147483654" r:id="rId19"/>
    <p:sldLayoutId id="2147483662" r:id="rId20"/>
    <p:sldLayoutId id="2147483664" r:id="rId21"/>
    <p:sldLayoutId id="2147483703" r:id="rId22"/>
    <p:sldLayoutId id="2147483663" r:id="rId23"/>
    <p:sldLayoutId id="2147483665" r:id="rId24"/>
    <p:sldLayoutId id="2147483666" r:id="rId25"/>
    <p:sldLayoutId id="2147483667" r:id="rId26"/>
    <p:sldLayoutId id="2147483668" r:id="rId27"/>
    <p:sldLayoutId id="2147483697" r:id="rId28"/>
    <p:sldLayoutId id="2147483707" r:id="rId29"/>
    <p:sldLayoutId id="2147483673" r:id="rId30"/>
    <p:sldLayoutId id="2147483674" r:id="rId31"/>
    <p:sldLayoutId id="2147483683" r:id="rId32"/>
    <p:sldLayoutId id="2147483687" r:id="rId33"/>
    <p:sldLayoutId id="2147483688" r:id="rId34"/>
    <p:sldLayoutId id="2147483651" r:id="rId35"/>
    <p:sldLayoutId id="2147483669" r:id="rId36"/>
    <p:sldLayoutId id="2147483676" r:id="rId37"/>
    <p:sldLayoutId id="2147483678" r:id="rId38"/>
    <p:sldLayoutId id="2147483694" r:id="rId39"/>
    <p:sldLayoutId id="2147483693" r:id="rId40"/>
    <p:sldLayoutId id="2147483699" r:id="rId41"/>
    <p:sldLayoutId id="2147483700" r:id="rId42"/>
    <p:sldLayoutId id="2147483684" r:id="rId43"/>
    <p:sldLayoutId id="2147483652" r:id="rId44"/>
    <p:sldLayoutId id="2147483675" r:id="rId45"/>
    <p:sldLayoutId id="2147483695" r:id="rId46"/>
    <p:sldLayoutId id="2147483689" r:id="rId47"/>
    <p:sldLayoutId id="2147483677" r:id="rId48"/>
    <p:sldLayoutId id="2147483691" r:id="rId49"/>
    <p:sldLayoutId id="2147483690" r:id="rId50"/>
    <p:sldLayoutId id="2147483709" r:id="rId51"/>
    <p:sldLayoutId id="2147483710" r:id="rId52"/>
    <p:sldLayoutId id="2147483711" r:id="rId53"/>
    <p:sldLayoutId id="2147483681" r:id="rId54"/>
    <p:sldLayoutId id="2147483698" r:id="rId55"/>
    <p:sldLayoutId id="2147483655" r:id="rId56"/>
    <p:sldLayoutId id="2147483682" r:id="rId5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800" b="1" kern="1200" spc="3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900"/>
        </a:spcBef>
        <a:buFont typeface="Georgia" panose="02040502050405020303" pitchFamily="18" charset="0"/>
        <a:buNone/>
        <a:defRPr sz="1600" kern="100" spc="20" baseline="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100000"/>
        </a:lnSpc>
        <a:spcBef>
          <a:spcPts val="900"/>
        </a:spcBef>
        <a:buFont typeface="Georgia" panose="02040502050405020303" pitchFamily="18" charset="0"/>
        <a:buNone/>
        <a:defRPr sz="1600" b="1" kern="100" spc="20">
          <a:solidFill>
            <a:schemeClr val="tx1"/>
          </a:solidFill>
          <a:latin typeface="+mn-lt"/>
          <a:ea typeface="+mn-ea"/>
          <a:cs typeface="+mn-cs"/>
        </a:defRPr>
      </a:lvl2pPr>
      <a:lvl3pPr marL="252000" indent="-252000" algn="l" defTabSz="914400" rtl="0" eaLnBrk="1" latinLnBrk="0" hangingPunct="1">
        <a:lnSpc>
          <a:spcPct val="100000"/>
        </a:lnSpc>
        <a:spcBef>
          <a:spcPts val="900"/>
        </a:spcBef>
        <a:buFont typeface="Arial" panose="020B0604020202020204" pitchFamily="34" charset="0"/>
        <a:buChar char="•"/>
        <a:defRPr sz="1600" kern="100" spc="20">
          <a:solidFill>
            <a:schemeClr val="tx1"/>
          </a:solidFill>
          <a:latin typeface="+mn-lt"/>
          <a:ea typeface="+mn-ea"/>
          <a:cs typeface="+mn-cs"/>
        </a:defRPr>
      </a:lvl3pPr>
      <a:lvl4pPr marL="504000" indent="-252000" algn="l" defTabSz="914400" rtl="0" eaLnBrk="1" latinLnBrk="0" hangingPunct="1">
        <a:lnSpc>
          <a:spcPct val="100000"/>
        </a:lnSpc>
        <a:spcBef>
          <a:spcPts val="900"/>
        </a:spcBef>
        <a:buFont typeface="System Font Regular"/>
        <a:buChar char="◦"/>
        <a:defRPr sz="1600" b="0" kern="100" spc="20">
          <a:solidFill>
            <a:schemeClr val="tx1"/>
          </a:solidFill>
          <a:latin typeface="+mn-lt"/>
          <a:ea typeface="+mn-ea"/>
          <a:cs typeface="+mn-cs"/>
        </a:defRPr>
      </a:lvl4pPr>
      <a:lvl5pPr marL="756000" indent="-252000" algn="l" defTabSz="914400" rtl="0" eaLnBrk="1" latinLnBrk="0" hangingPunct="1">
        <a:lnSpc>
          <a:spcPct val="100000"/>
        </a:lnSpc>
        <a:spcBef>
          <a:spcPts val="900"/>
        </a:spcBef>
        <a:buFont typeface="System Font Regular"/>
        <a:buChar char="-"/>
        <a:defRPr sz="1600" kern="100" spc="2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None/>
        <a:defRPr sz="1200" kern="100" cap="all" spc="20" baseline="0">
          <a:solidFill>
            <a:schemeClr val="accent1"/>
          </a:solidFill>
          <a:latin typeface="Verdana" panose="020B0604030504040204" pitchFamily="34" charset="0"/>
          <a:ea typeface="Verdana" panose="020B0604030504040204" pitchFamily="34" charset="0"/>
          <a:cs typeface="Verdana" panose="020B0604030504040204" pitchFamily="34" charset="0"/>
        </a:defRPr>
      </a:lvl6pPr>
      <a:lvl7pPr marL="0" indent="-18000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Char char="•"/>
        <a:defRPr sz="1300" kern="100" spc="20">
          <a:solidFill>
            <a:schemeClr val="tx1"/>
          </a:solidFill>
          <a:latin typeface="+mn-lt"/>
          <a:ea typeface="+mn-ea"/>
          <a:cs typeface="+mn-cs"/>
        </a:defRPr>
      </a:lvl7pPr>
      <a:lvl8pPr marL="0" indent="-18000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Char char="•"/>
        <a:defRPr sz="1300" kern="100" spc="20">
          <a:solidFill>
            <a:schemeClr val="tx1"/>
          </a:solidFill>
          <a:latin typeface="+mn-lt"/>
          <a:ea typeface="+mn-ea"/>
          <a:cs typeface="+mn-cs"/>
        </a:defRPr>
      </a:lvl8pPr>
      <a:lvl9pPr marL="0" indent="-18000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Char char="•"/>
        <a:defRPr sz="1300" kern="100" spc="2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946" userDrawn="1">
          <p15:clr>
            <a:srgbClr val="F26B43"/>
          </p15:clr>
        </p15:guide>
        <p15:guide id="2" pos="136" userDrawn="1">
          <p15:clr>
            <a:srgbClr val="F26B43"/>
          </p15:clr>
        </p15:guide>
        <p15:guide id="3" pos="7544" userDrawn="1">
          <p15:clr>
            <a:srgbClr val="F26B43"/>
          </p15:clr>
        </p15:guide>
        <p15:guide id="6" orient="horz" pos="4043" userDrawn="1">
          <p15:clr>
            <a:srgbClr val="F26B43"/>
          </p15:clr>
        </p15:guide>
        <p15:guide id="8" orient="horz" pos="131" userDrawn="1">
          <p15:clr>
            <a:srgbClr val="F26B43"/>
          </p15:clr>
        </p15:guide>
        <p15:guide id="9" orient="horz" pos="370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7.xml"/><Relationship Id="rId6" Type="http://schemas.openxmlformats.org/officeDocument/2006/relationships/image" Target="../media/image17.jpe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5.xml"/><Relationship Id="rId7" Type="http://schemas.microsoft.com/office/2007/relationships/diagramDrawing" Target="../diagrams/drawing5.xml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9.xml"/><Relationship Id="rId6" Type="http://schemas.openxmlformats.org/officeDocument/2006/relationships/diagramColors" Target="../diagrams/colors5.xml"/><Relationship Id="rId5" Type="http://schemas.openxmlformats.org/officeDocument/2006/relationships/diagramQuickStyle" Target="../diagrams/quickStyle5.xml"/><Relationship Id="rId4" Type="http://schemas.openxmlformats.org/officeDocument/2006/relationships/diagramLayout" Target="../diagrams/layout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jpeg"/><Relationship Id="rId2" Type="http://schemas.openxmlformats.org/officeDocument/2006/relationships/image" Target="../media/image38.png"/><Relationship Id="rId1" Type="http://schemas.openxmlformats.org/officeDocument/2006/relationships/slideLayout" Target="../slideLayouts/slideLayout9.xml"/><Relationship Id="rId5" Type="http://schemas.openxmlformats.org/officeDocument/2006/relationships/image" Target="../media/image41.jpeg"/><Relationship Id="rId4" Type="http://schemas.openxmlformats.org/officeDocument/2006/relationships/image" Target="../media/image40.jpe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jpeg"/><Relationship Id="rId2" Type="http://schemas.openxmlformats.org/officeDocument/2006/relationships/image" Target="../media/image42.jpeg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44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ov.uk/government/publications/industrial-decarbonisation-strategy/industrial-decarbonisation-strategy-accessible-webpage" TargetMode="External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8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6.xml"/><Relationship Id="rId7" Type="http://schemas.microsoft.com/office/2007/relationships/diagramDrawing" Target="../diagrams/drawing6.xml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8.xml"/><Relationship Id="rId6" Type="http://schemas.openxmlformats.org/officeDocument/2006/relationships/diagramColors" Target="../diagrams/colors6.xml"/><Relationship Id="rId5" Type="http://schemas.openxmlformats.org/officeDocument/2006/relationships/diagramQuickStyle" Target="../diagrams/quickStyle6.xml"/><Relationship Id="rId4" Type="http://schemas.openxmlformats.org/officeDocument/2006/relationships/diagramLayout" Target="../diagrams/layout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dnv.com/training/hydrogen-awareness-course-223484" TargetMode="External"/><Relationship Id="rId2" Type="http://schemas.openxmlformats.org/officeDocument/2006/relationships/image" Target="../media/image46.jpeg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8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8.jpeg"/><Relationship Id="rId1" Type="http://schemas.openxmlformats.org/officeDocument/2006/relationships/slideLayout" Target="../slideLayouts/slideLayout8.xml"/></Relationships>
</file>

<file path=ppt/slides/_rels/slide2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7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6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jpeg"/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8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1.png"/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52.jpeg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3.jpeg"/><Relationship Id="rId2" Type="http://schemas.openxmlformats.org/officeDocument/2006/relationships/slideLayout" Target="../slideLayouts/slideLayout8.xml"/><Relationship Id="rId1" Type="http://schemas.openxmlformats.org/officeDocument/2006/relationships/themeOverride" Target="../theme/themeOverride1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7.xml"/><Relationship Id="rId2" Type="http://schemas.openxmlformats.org/officeDocument/2006/relationships/diagramData" Target="../diagrams/data7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7.xml"/><Relationship Id="rId5" Type="http://schemas.openxmlformats.org/officeDocument/2006/relationships/diagramColors" Target="../diagrams/colors7.xml"/><Relationship Id="rId4" Type="http://schemas.openxmlformats.org/officeDocument/2006/relationships/diagramQuickStyle" Target="../diagrams/quickStyle7.xml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hyperlink" Target="https://www.gov.uk/government/publications/industrial-decarbonisation-strategy/industrial-decarbonisation-strategy-accessible-webpage" TargetMode="External"/><Relationship Id="rId3" Type="http://schemas.openxmlformats.org/officeDocument/2006/relationships/diagramLayout" Target="../diagrams/layout8.xml"/><Relationship Id="rId7" Type="http://schemas.openxmlformats.org/officeDocument/2006/relationships/image" Target="../media/image45.png"/><Relationship Id="rId2" Type="http://schemas.openxmlformats.org/officeDocument/2006/relationships/diagramData" Target="../diagrams/data8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8.xml"/><Relationship Id="rId5" Type="http://schemas.openxmlformats.org/officeDocument/2006/relationships/diagramColors" Target="../diagrams/colors8.xml"/><Relationship Id="rId4" Type="http://schemas.openxmlformats.org/officeDocument/2006/relationships/diagramQuickStyle" Target="../diagrams/quickStyle8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9.xml"/><Relationship Id="rId7" Type="http://schemas.microsoft.com/office/2007/relationships/diagramDrawing" Target="../diagrams/drawing9.xml"/><Relationship Id="rId2" Type="http://schemas.openxmlformats.org/officeDocument/2006/relationships/image" Target="../media/image58.png"/><Relationship Id="rId1" Type="http://schemas.openxmlformats.org/officeDocument/2006/relationships/slideLayout" Target="../slideLayouts/slideLayout8.xml"/><Relationship Id="rId6" Type="http://schemas.openxmlformats.org/officeDocument/2006/relationships/diagramColors" Target="../diagrams/colors9.xml"/><Relationship Id="rId5" Type="http://schemas.openxmlformats.org/officeDocument/2006/relationships/diagramQuickStyle" Target="../diagrams/quickStyle9.xml"/><Relationship Id="rId4" Type="http://schemas.openxmlformats.org/officeDocument/2006/relationships/diagramLayout" Target="../diagrams/layout9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0.xml"/><Relationship Id="rId7" Type="http://schemas.openxmlformats.org/officeDocument/2006/relationships/image" Target="../media/image59.png"/><Relationship Id="rId2" Type="http://schemas.openxmlformats.org/officeDocument/2006/relationships/diagramData" Target="../diagrams/data10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10.xml"/><Relationship Id="rId5" Type="http://schemas.openxmlformats.org/officeDocument/2006/relationships/diagramColors" Target="../diagrams/colors10.xml"/><Relationship Id="rId4" Type="http://schemas.openxmlformats.org/officeDocument/2006/relationships/diagramQuickStyle" Target="../diagrams/quickStyle10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1.xml"/><Relationship Id="rId7" Type="http://schemas.microsoft.com/office/2007/relationships/diagramDrawing" Target="../diagrams/drawing11.xml"/><Relationship Id="rId2" Type="http://schemas.openxmlformats.org/officeDocument/2006/relationships/image" Target="../media/image60.png"/><Relationship Id="rId1" Type="http://schemas.openxmlformats.org/officeDocument/2006/relationships/slideLayout" Target="../slideLayouts/slideLayout8.xml"/><Relationship Id="rId6" Type="http://schemas.openxmlformats.org/officeDocument/2006/relationships/diagramColors" Target="../diagrams/colors11.xml"/><Relationship Id="rId5" Type="http://schemas.openxmlformats.org/officeDocument/2006/relationships/diagramQuickStyle" Target="../diagrams/quickStyle11.xml"/><Relationship Id="rId4" Type="http://schemas.openxmlformats.org/officeDocument/2006/relationships/diagramLayout" Target="../diagrams/layout11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2.xml"/><Relationship Id="rId7" Type="http://schemas.openxmlformats.org/officeDocument/2006/relationships/image" Target="../media/image61.png"/><Relationship Id="rId2" Type="http://schemas.openxmlformats.org/officeDocument/2006/relationships/diagramData" Target="../diagrams/data12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12.xml"/><Relationship Id="rId5" Type="http://schemas.openxmlformats.org/officeDocument/2006/relationships/diagramColors" Target="../diagrams/colors12.xml"/><Relationship Id="rId4" Type="http://schemas.openxmlformats.org/officeDocument/2006/relationships/diagramQuickStyle" Target="../diagrams/quickStyle12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3.xml"/><Relationship Id="rId7" Type="http://schemas.openxmlformats.org/officeDocument/2006/relationships/image" Target="../media/image40.jpeg"/><Relationship Id="rId2" Type="http://schemas.openxmlformats.org/officeDocument/2006/relationships/diagramData" Target="../diagrams/data13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13.xml"/><Relationship Id="rId5" Type="http://schemas.openxmlformats.org/officeDocument/2006/relationships/diagramColors" Target="../diagrams/colors13.xml"/><Relationship Id="rId4" Type="http://schemas.openxmlformats.org/officeDocument/2006/relationships/diagramQuickStyle" Target="../diagrams/quickStyle13.xml"/></Relationships>
</file>

<file path=ppt/slides/_rels/slide3.xml.rels><?xml version="1.0" encoding="UTF-8" standalone="yes"?>
<Relationships xmlns="http://schemas.openxmlformats.org/package/2006/relationships"><Relationship Id="rId8" Type="http://schemas.microsoft.com/office/2007/relationships/diagramDrawing" Target="../diagrams/drawing2.xml"/><Relationship Id="rId3" Type="http://schemas.openxmlformats.org/officeDocument/2006/relationships/slideLayout" Target="../slideLayouts/slideLayout8.xml"/><Relationship Id="rId7" Type="http://schemas.openxmlformats.org/officeDocument/2006/relationships/diagramColors" Target="../diagrams/colors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0.xml"/><Relationship Id="rId6" Type="http://schemas.openxmlformats.org/officeDocument/2006/relationships/diagramQuickStyle" Target="../diagrams/quickStyle2.xml"/><Relationship Id="rId5" Type="http://schemas.openxmlformats.org/officeDocument/2006/relationships/diagramLayout" Target="../diagrams/layout2.xml"/><Relationship Id="rId4" Type="http://schemas.openxmlformats.org/officeDocument/2006/relationships/diagramData" Target="../diagrams/data2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4.xml"/><Relationship Id="rId7" Type="http://schemas.openxmlformats.org/officeDocument/2006/relationships/image" Target="../media/image62.jpeg"/><Relationship Id="rId2" Type="http://schemas.openxmlformats.org/officeDocument/2006/relationships/diagramData" Target="../diagrams/data14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14.xml"/><Relationship Id="rId5" Type="http://schemas.openxmlformats.org/officeDocument/2006/relationships/diagramColors" Target="../diagrams/colors14.xml"/><Relationship Id="rId4" Type="http://schemas.openxmlformats.org/officeDocument/2006/relationships/diagramQuickStyle" Target="../diagrams/quickStyle14.xml"/></Relationships>
</file>

<file path=ppt/slides/_rels/slide31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16.xml"/><Relationship Id="rId3" Type="http://schemas.openxmlformats.org/officeDocument/2006/relationships/diagramLayout" Target="../diagrams/layout15.xml"/><Relationship Id="rId7" Type="http://schemas.openxmlformats.org/officeDocument/2006/relationships/diagramData" Target="../diagrams/data16.xml"/><Relationship Id="rId2" Type="http://schemas.openxmlformats.org/officeDocument/2006/relationships/diagramData" Target="../diagrams/data15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15.xml"/><Relationship Id="rId11" Type="http://schemas.microsoft.com/office/2007/relationships/diagramDrawing" Target="../diagrams/drawing16.xml"/><Relationship Id="rId5" Type="http://schemas.openxmlformats.org/officeDocument/2006/relationships/diagramColors" Target="../diagrams/colors15.xml"/><Relationship Id="rId10" Type="http://schemas.openxmlformats.org/officeDocument/2006/relationships/diagramColors" Target="../diagrams/colors16.xml"/><Relationship Id="rId4" Type="http://schemas.openxmlformats.org/officeDocument/2006/relationships/diagramQuickStyle" Target="../diagrams/quickStyle15.xml"/><Relationship Id="rId9" Type="http://schemas.openxmlformats.org/officeDocument/2006/relationships/diagramQuickStyle" Target="../diagrams/quickStyle16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png"/><Relationship Id="rId2" Type="http://schemas.openxmlformats.org/officeDocument/2006/relationships/hyperlink" Target="https://publishing.energyinst.org/topics/hydrogen/guidance-for-uk-hydrogen-safety-case-development-onshore-and-offshore" TargetMode="Externa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64.svg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Relationship Id="rId4" Type="http://schemas.openxmlformats.org/officeDocument/2006/relationships/image" Target="../media/image20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4.xml"/><Relationship Id="rId2" Type="http://schemas.openxmlformats.org/officeDocument/2006/relationships/diagramData" Target="../diagrams/data4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4.xml"/><Relationship Id="rId5" Type="http://schemas.openxmlformats.org/officeDocument/2006/relationships/diagramColors" Target="../diagrams/colors4.xml"/><Relationship Id="rId4" Type="http://schemas.openxmlformats.org/officeDocument/2006/relationships/diagramQuickStyle" Target="../diagrams/quickStyle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A114F6B9-AAB8-2AA4-4BB5-713E4C5B311B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3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7778" r="27778"/>
          <a:stretch/>
        </p:blipFill>
        <p:spPr>
          <a:xfrm>
            <a:off x="6096000" y="0"/>
            <a:ext cx="6096000" cy="6858000"/>
          </a:xfrm>
        </p:spPr>
      </p:pic>
      <p:sp>
        <p:nvSpPr>
          <p:cNvPr id="6" name="Title 5">
            <a:extLst>
              <a:ext uri="{FF2B5EF4-FFF2-40B4-BE49-F238E27FC236}">
                <a16:creationId xmlns:a16="http://schemas.microsoft.com/office/drawing/2014/main" id="{95DFCF72-98F6-CC78-62B4-A7FEAE6D0BC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21318" y="2755400"/>
            <a:ext cx="5580000" cy="1329595"/>
          </a:xfrm>
        </p:spPr>
        <p:txBody>
          <a:bodyPr/>
          <a:lstStyle/>
          <a:p>
            <a:r>
              <a:rPr lang="en-GB" sz="3200" dirty="0"/>
              <a:t>Guidance for UK Hydrogen Safety Case Development Onshore and Offshore</a:t>
            </a:r>
            <a:endParaRPr lang="en-US" sz="3200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B6E6A3BC-9774-D5F5-34FF-4C9E95CBC18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Sean Baker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3B71A8B-78E0-14C4-E180-40E189C8F83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dirty="0"/>
              <a:t>Nikhil Hardy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0D126DC-934A-F5AE-FE1E-9A88F716882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 err="1"/>
              <a:t>IChemE</a:t>
            </a:r>
            <a:r>
              <a:rPr lang="en-US" dirty="0"/>
              <a:t> HAZARDS 3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4870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4" name="Rectangle 13">
            <a:extLst>
              <a:ext uri="{FF2B5EF4-FFF2-40B4-BE49-F238E27FC236}">
                <a16:creationId xmlns:a16="http://schemas.microsoft.com/office/drawing/2014/main" id="{F5897CCA-486C-491C-B4C1-5E5C95A827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1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C10822B-D726-CCC6-7CEA-B013B46C7DE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988" y="385474"/>
            <a:ext cx="6356606" cy="1843283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000"/>
              <a:t>Scope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5747564-C232-B499-7117-BFF669F4DBD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1" b="651"/>
          <a:stretch/>
        </p:blipFill>
        <p:spPr>
          <a:xfrm>
            <a:off x="7556409" y="557190"/>
            <a:ext cx="3995928" cy="5571896"/>
          </a:xfrm>
          <a:prstGeom prst="rect">
            <a:avLst/>
          </a:prstGeom>
          <a:effectLst/>
        </p:spPr>
      </p:pic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D8AB18-69C6-C23B-6BAF-133F33737EB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algn="ctr">
              <a:spcAft>
                <a:spcPts val="600"/>
              </a:spcAft>
              <a:defRPr/>
            </a:pPr>
            <a:r>
              <a:rPr lang="en-US" sz="1200" kern="1200">
                <a:solidFill>
                  <a:prstClr val="black">
                    <a:tint val="75000"/>
                  </a:prstClr>
                </a:solidFill>
                <a:latin typeface="Calibri" panose="020F0502020204030204"/>
                <a:ea typeface="+mn-ea"/>
                <a:cs typeface="+mn-cs"/>
              </a:rPr>
              <a:t>IChemE Hazards 33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A544802A-8ABB-6EEF-3EDD-5FF3855EB3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  <a:defRPr/>
            </a:pPr>
            <a:fld id="{3954854E-1B22-401C-B4EE-1698A89C07E3}" type="slidenum">
              <a:rPr lang="en-US" sz="1200" smtClean="0">
                <a:solidFill>
                  <a:prstClr val="black">
                    <a:tint val="75000"/>
                  </a:prstClr>
                </a:solidFill>
                <a:latin typeface="Calibri" panose="020F0502020204030204"/>
              </a:rPr>
              <a:pPr>
                <a:spcAft>
                  <a:spcPts val="600"/>
                </a:spcAft>
                <a:defRPr/>
              </a:pPr>
              <a:t>10</a:t>
            </a:fld>
            <a:endParaRPr lang="en-US" sz="1200">
              <a:solidFill>
                <a:prstClr val="black">
                  <a:tint val="75000"/>
                </a:prstClr>
              </a:solidFill>
              <a:latin typeface="Calibri" panose="020F0502020204030204"/>
            </a:endParaRPr>
          </a:p>
        </p:txBody>
      </p:sp>
      <p:graphicFrame>
        <p:nvGraphicFramePr>
          <p:cNvPr id="8" name="Content Placeholder 8">
            <a:extLst>
              <a:ext uri="{FF2B5EF4-FFF2-40B4-BE49-F238E27FC236}">
                <a16:creationId xmlns:a16="http://schemas.microsoft.com/office/drawing/2014/main" id="{01F73A67-F5D8-D788-C063-1E918B529CB2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087371734"/>
              </p:ext>
            </p:extLst>
          </p:nvPr>
        </p:nvGraphicFramePr>
        <p:xfrm>
          <a:off x="831987" y="2400472"/>
          <a:ext cx="6358432" cy="372861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27799964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E1E44F00-0A35-8AB3-E8CD-25C98293E5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3505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11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824C13-C3A7-7FDE-29D2-F7FD5728417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EC855A08-E8B5-AF05-EE78-1FA6F2E0BF5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en-US" b="1" kern="1200" dirty="0"/>
              <a:t>Safety Case Legislation</a:t>
            </a:r>
          </a:p>
          <a:p>
            <a:pPr>
              <a:lnSpc>
                <a:spcPct val="90000"/>
              </a:lnSpc>
            </a:pPr>
            <a:r>
              <a:rPr lang="en-US" i="1" kern="1200" dirty="0"/>
              <a:t>Standalone offshore hydrogen production not covered by OCSD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b="1" kern="1200" dirty="0"/>
          </a:p>
          <a:p>
            <a:pPr>
              <a:lnSpc>
                <a:spcPct val="90000"/>
              </a:lnSpc>
            </a:pPr>
            <a:r>
              <a:rPr lang="en-US" b="1" kern="1200" dirty="0"/>
              <a:t>Design And Asset Integrity</a:t>
            </a:r>
          </a:p>
          <a:p>
            <a:pPr>
              <a:lnSpc>
                <a:spcPct val="90000"/>
              </a:lnSpc>
            </a:pPr>
            <a:r>
              <a:rPr lang="en-US" i="1" kern="1200" dirty="0"/>
              <a:t>Hydrogen covered as a dangerous substance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b="1" kern="1200" dirty="0"/>
          </a:p>
          <a:p>
            <a:pPr>
              <a:lnSpc>
                <a:spcPct val="90000"/>
              </a:lnSpc>
            </a:pPr>
            <a:r>
              <a:rPr lang="en-US" b="1" kern="1200" dirty="0"/>
              <a:t>Pipelines</a:t>
            </a:r>
          </a:p>
          <a:p>
            <a:pPr>
              <a:lnSpc>
                <a:spcPct val="90000"/>
              </a:lnSpc>
            </a:pPr>
            <a:r>
              <a:rPr lang="en-US" i="1" kern="1200" dirty="0"/>
              <a:t>Hydrogen covered by PSR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b="1" kern="1200" dirty="0"/>
          </a:p>
          <a:p>
            <a:pPr>
              <a:lnSpc>
                <a:spcPct val="90000"/>
              </a:lnSpc>
            </a:pPr>
            <a:r>
              <a:rPr lang="en-US" b="1" kern="1200" dirty="0"/>
              <a:t>Transportation</a:t>
            </a:r>
          </a:p>
          <a:p>
            <a:pPr>
              <a:lnSpc>
                <a:spcPct val="90000"/>
              </a:lnSpc>
            </a:pPr>
            <a:r>
              <a:rPr lang="en-US" i="1" kern="1200" dirty="0"/>
              <a:t>Hydrogen covered as dangerous goods</a:t>
            </a:r>
          </a:p>
          <a:p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A133EA07-63EF-005C-2E64-02971FCF9C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905" y="216000"/>
            <a:ext cx="11757600" cy="387798"/>
          </a:xfrm>
        </p:spPr>
        <p:txBody>
          <a:bodyPr/>
          <a:lstStyle/>
          <a:p>
            <a:r>
              <a:rPr lang="en-GB"/>
              <a:t>Phase 1 Recap</a:t>
            </a:r>
            <a:endParaRPr lang="en-GB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690F0A60-B74D-2FBD-78B7-040A4864C23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6319936" y="1051250"/>
            <a:ext cx="1599140" cy="13827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37F503F5-06E1-96B6-1D0B-4F7BB2711FC8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194078" y="1051255"/>
            <a:ext cx="1296030" cy="1722300"/>
          </a:xfrm>
          <a:prstGeom prst="rect">
            <a:avLst/>
          </a:prstGeom>
        </p:spPr>
      </p:pic>
      <p:pic>
        <p:nvPicPr>
          <p:cNvPr id="14" name="Picture 2" descr="A hydrogen pipeline is being built between Barcelona and Marseille – but  can it help in the transition to cleaner energy?">
            <a:extLst>
              <a:ext uri="{FF2B5EF4-FFF2-40B4-BE49-F238E27FC236}">
                <a16:creationId xmlns:a16="http://schemas.microsoft.com/office/drawing/2014/main" id="{08C36F9A-8969-ED9B-5E92-A7B819EF454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9771764" y="1051249"/>
            <a:ext cx="1599141" cy="107142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5" name="Picture 2" descr="3,227 Hydrogen Tank Images, Stock Photos &amp; Vectors | Shutterstock">
            <a:extLst>
              <a:ext uri="{FF2B5EF4-FFF2-40B4-BE49-F238E27FC236}">
                <a16:creationId xmlns:a16="http://schemas.microsoft.com/office/drawing/2014/main" id="{E6238073-0FD1-4A39-1990-49F4F59134D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942" b="8214"/>
          <a:stretch/>
        </p:blipFill>
        <p:spPr bwMode="auto">
          <a:xfrm>
            <a:off x="6319938" y="3003121"/>
            <a:ext cx="5050968" cy="298448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215319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76D3E4F-45F7-35EB-0245-D304E03E099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12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DD3799F-659E-BF3E-99AD-19CD1003A47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91C0B37-86FC-04C0-F973-2DE61BB019A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GB" b="1" dirty="0"/>
              <a:t>Gas Safety</a:t>
            </a:r>
          </a:p>
          <a:p>
            <a:r>
              <a:rPr lang="en-GB" i="1" dirty="0"/>
              <a:t>GS(M)R does not cover majority H2 or blends &gt;0.1% H2 (without an exemption)</a:t>
            </a:r>
          </a:p>
          <a:p>
            <a:r>
              <a:rPr lang="en-GB" i="1" dirty="0"/>
              <a:t>GS(IU)R does not cover commercial premises supplied with majority H2</a:t>
            </a:r>
          </a:p>
          <a:p>
            <a:endParaRPr lang="en-GB" dirty="0"/>
          </a:p>
          <a:p>
            <a:r>
              <a:rPr lang="en-GB" b="1" dirty="0"/>
              <a:t>Emergency Response</a:t>
            </a:r>
          </a:p>
          <a:p>
            <a:r>
              <a:rPr lang="en-GB" i="1" dirty="0"/>
              <a:t>Hydrogen covered as a hazardous substance</a:t>
            </a:r>
          </a:p>
          <a:p>
            <a:endParaRPr lang="en-GB" dirty="0"/>
          </a:p>
          <a:p>
            <a:r>
              <a:rPr lang="en-GB" b="1" dirty="0"/>
              <a:t>Environmental Permitting</a:t>
            </a:r>
          </a:p>
          <a:p>
            <a:r>
              <a:rPr lang="en-GB" i="1" dirty="0"/>
              <a:t>Hydrogen production is a listed activity</a:t>
            </a:r>
          </a:p>
          <a:p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D8A930DA-1776-7300-134B-43237A6897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905" y="216000"/>
            <a:ext cx="11757600" cy="387798"/>
          </a:xfrm>
        </p:spPr>
        <p:txBody>
          <a:bodyPr/>
          <a:lstStyle/>
          <a:p>
            <a:r>
              <a:rPr lang="en-GB" dirty="0"/>
              <a:t>Phase 1 Recap</a:t>
            </a:r>
          </a:p>
        </p:txBody>
      </p:sp>
      <p:pic>
        <p:nvPicPr>
          <p:cNvPr id="8" name="Picture 7" descr="Two firefighters spraying high pressure water to  fire">
            <a:extLst>
              <a:ext uri="{FF2B5EF4-FFF2-40B4-BE49-F238E27FC236}">
                <a16:creationId xmlns:a16="http://schemas.microsoft.com/office/drawing/2014/main" id="{FEC254A6-E77C-D3B1-8A3C-C13E85829DB1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81707" y="1461770"/>
            <a:ext cx="2064082" cy="1374019"/>
          </a:xfrm>
          <a:prstGeom prst="rect">
            <a:avLst/>
          </a:prstGeom>
        </p:spPr>
      </p:pic>
      <p:pic>
        <p:nvPicPr>
          <p:cNvPr id="9" name="Picture 8" descr="A drop of water on a leaf&#10;&#10;Description automatically generated with medium confidence">
            <a:extLst>
              <a:ext uri="{FF2B5EF4-FFF2-40B4-BE49-F238E27FC236}">
                <a16:creationId xmlns:a16="http://schemas.microsoft.com/office/drawing/2014/main" id="{9CE29AF3-676C-D7FA-FA87-4CEAAC37A844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76116" y="1461769"/>
            <a:ext cx="2064082" cy="1176527"/>
          </a:xfrm>
          <a:prstGeom prst="rect">
            <a:avLst/>
          </a:prstGeom>
        </p:spPr>
      </p:pic>
      <p:pic>
        <p:nvPicPr>
          <p:cNvPr id="10" name="Picture 2" descr="Best Hydrogen Boilers">
            <a:extLst>
              <a:ext uri="{FF2B5EF4-FFF2-40B4-BE49-F238E27FC236}">
                <a16:creationId xmlns:a16="http://schemas.microsoft.com/office/drawing/2014/main" id="{69EB6CD2-E6C4-0305-F717-091DB2B7093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9258"/>
          <a:stretch/>
        </p:blipFill>
        <p:spPr bwMode="auto">
          <a:xfrm>
            <a:off x="7859574" y="3136022"/>
            <a:ext cx="2433084" cy="305597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1932033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FE6633-6F2E-16DD-1178-C38A9F8FFBB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Stakeholder Engagement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4E25F0A-42C4-6FAC-83BA-53DD0745A9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1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93E775A-67FE-6AC0-4922-3AA3489CA0E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C576AA2-25A4-26FB-820E-D67BBED4925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6591301" cy="4680000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/>
              <a:t>Liaison with stakeholder organisations across the six UK industrial clust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/>
              <a:t>Understanding of organisations’ experience and confidence with Safety Case framework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/>
              <a:t>Common themes :</a:t>
            </a:r>
          </a:p>
          <a:p>
            <a:pPr marL="537750" lvl="2" indent="-285750"/>
            <a:r>
              <a:rPr lang="en-GB"/>
              <a:t>Use of existing frameworks for developing a basis of safety for hydrogen</a:t>
            </a:r>
          </a:p>
          <a:p>
            <a:pPr marL="537750" lvl="2" indent="-285750"/>
            <a:r>
              <a:rPr lang="en-GB"/>
              <a:t>Application of ALARP principles</a:t>
            </a:r>
          </a:p>
          <a:p>
            <a:pPr marL="537750" lvl="2" indent="-285750"/>
            <a:r>
              <a:rPr lang="en-GB"/>
              <a:t>Guidance sets a generic framework supported by hydrogen-specific gas standards</a:t>
            </a:r>
          </a:p>
          <a:p>
            <a:pPr marL="537750" lvl="2" indent="-285750"/>
            <a:r>
              <a:rPr lang="en-GB"/>
              <a:t>Framework of natural gas to hydrogen conversion </a:t>
            </a:r>
          </a:p>
          <a:p>
            <a:pPr marL="537750" lvl="2" indent="-285750"/>
            <a:r>
              <a:rPr lang="en-GB"/>
              <a:t>Change management integral to basis of safety</a:t>
            </a:r>
          </a:p>
          <a:p>
            <a:endParaRPr lang="en-GB" dirty="0"/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BCAA27EA-E430-DA3B-B49D-8720699A17F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99141" y="1672949"/>
            <a:ext cx="4600321" cy="34314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315D4EFF-FEB2-877F-64E1-25D1A0D9FC1B}"/>
              </a:ext>
            </a:extLst>
          </p:cNvPr>
          <p:cNvSpPr txBox="1"/>
          <p:nvPr/>
        </p:nvSpPr>
        <p:spPr>
          <a:xfrm>
            <a:off x="8516165" y="5185051"/>
            <a:ext cx="1566271" cy="194907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GB" sz="1050" i="1"/>
              <a:t>Source: </a:t>
            </a:r>
            <a:r>
              <a:rPr lang="en-GB" sz="1050">
                <a:hlinkClick r:id="rId3"/>
              </a:rPr>
              <a:t>GOV.UK (www.gov.uk)</a:t>
            </a:r>
            <a:endParaRPr lang="en-GB" sz="1050" i="1" dirty="0"/>
          </a:p>
        </p:txBody>
      </p:sp>
    </p:spTree>
    <p:extLst>
      <p:ext uri="{BB962C8B-B14F-4D97-AF65-F5344CB8AC3E}">
        <p14:creationId xmlns:p14="http://schemas.microsoft.com/office/powerpoint/2010/main" val="38877331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4" name="Rectangle 13">
            <a:extLst>
              <a:ext uri="{FF2B5EF4-FFF2-40B4-BE49-F238E27FC236}">
                <a16:creationId xmlns:a16="http://schemas.microsoft.com/office/drawing/2014/main" id="{6F5A5072-7B47-4D32-B52A-4EBBF590B8A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715DAF0-AE1B-46C9-8A6B-DB2AA05AB91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>
            <a:off x="-2" y="-22693"/>
            <a:ext cx="12191999" cy="4374129"/>
          </a:xfrm>
          <a:prstGeom prst="rect">
            <a:avLst/>
          </a:prstGeom>
          <a:gradFill>
            <a:gsLst>
              <a:gs pos="0">
                <a:schemeClr val="accent1">
                  <a:lumMod val="75000"/>
                </a:schemeClr>
              </a:gs>
              <a:gs pos="100000">
                <a:srgbClr val="000000"/>
              </a:gs>
            </a:gsLst>
            <a:lin ang="150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6016219D-510E-4184-9090-6D5578A87BD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>
            <a:off x="3908719" y="-3931841"/>
            <a:ext cx="4374557" cy="12192000"/>
          </a:xfrm>
          <a:prstGeom prst="rect">
            <a:avLst/>
          </a:prstGeom>
          <a:gradFill>
            <a:gsLst>
              <a:gs pos="40000">
                <a:schemeClr val="accent1">
                  <a:alpha val="0"/>
                </a:schemeClr>
              </a:gs>
              <a:gs pos="100000">
                <a:schemeClr val="accent1">
                  <a:lumMod val="75000"/>
                  <a:alpha val="52000"/>
                </a:schemeClr>
              </a:gs>
            </a:gsLst>
            <a:lin ang="2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AFF4A713-7B75-4B21-90D7-5AB19547C72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>
            <a:off x="4136696" y="-3703868"/>
            <a:ext cx="4374128" cy="11736479"/>
          </a:xfrm>
          <a:prstGeom prst="rect">
            <a:avLst/>
          </a:prstGeom>
          <a:gradFill>
            <a:gsLst>
              <a:gs pos="17000">
                <a:schemeClr val="accent1">
                  <a:alpha val="0"/>
                </a:schemeClr>
              </a:gs>
              <a:gs pos="100000">
                <a:srgbClr val="000000">
                  <a:alpha val="37000"/>
                </a:srgbClr>
              </a:gs>
            </a:gsLst>
            <a:lin ang="7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DC631C0B-6DA6-4E57-8231-CE32B3434A7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5" y="-22690"/>
            <a:ext cx="8542485" cy="4374126"/>
          </a:xfrm>
          <a:prstGeom prst="rect">
            <a:avLst/>
          </a:prstGeom>
          <a:gradFill>
            <a:gsLst>
              <a:gs pos="0">
                <a:schemeClr val="accent1">
                  <a:lumMod val="50000"/>
                  <a:alpha val="0"/>
                </a:schemeClr>
              </a:gs>
              <a:gs pos="100000">
                <a:srgbClr val="000000">
                  <a:alpha val="25000"/>
                </a:srgbClr>
              </a:gs>
            </a:gsLst>
            <a:lin ang="186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Freeform: Shape 23">
            <a:extLst>
              <a:ext uri="{FF2B5EF4-FFF2-40B4-BE49-F238E27FC236}">
                <a16:creationId xmlns:a16="http://schemas.microsoft.com/office/drawing/2014/main" id="{C29501E6-A978-4A61-9689-9085AF97A5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2508972">
            <a:off x="5945431" y="-1032053"/>
            <a:ext cx="4990147" cy="4439131"/>
          </a:xfrm>
          <a:custGeom>
            <a:avLst/>
            <a:gdLst>
              <a:gd name="connsiteX0" fmla="*/ 4990147 w 4990147"/>
              <a:gd name="connsiteY0" fmla="*/ 2229378 h 4439131"/>
              <a:gd name="connsiteX1" fmla="*/ 917384 w 4990147"/>
              <a:gd name="connsiteY1" fmla="*/ 4439131 h 4439131"/>
              <a:gd name="connsiteX2" fmla="*/ 910814 w 4990147"/>
              <a:gd name="connsiteY2" fmla="*/ 4434219 h 4439131"/>
              <a:gd name="connsiteX3" fmla="*/ 0 w 4990147"/>
              <a:gd name="connsiteY3" fmla="*/ 2502877 h 4439131"/>
              <a:gd name="connsiteX4" fmla="*/ 2502877 w 4990147"/>
              <a:gd name="connsiteY4" fmla="*/ 0 h 4439131"/>
              <a:gd name="connsiteX5" fmla="*/ 4954904 w 4990147"/>
              <a:gd name="connsiteY5" fmla="*/ 1998460 h 443913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4990147" h="4439131">
                <a:moveTo>
                  <a:pt x="4990147" y="2229378"/>
                </a:moveTo>
                <a:lnTo>
                  <a:pt x="917384" y="4439131"/>
                </a:lnTo>
                <a:lnTo>
                  <a:pt x="910814" y="4434219"/>
                </a:lnTo>
                <a:cubicBezTo>
                  <a:pt x="354557" y="3975154"/>
                  <a:pt x="0" y="3280421"/>
                  <a:pt x="0" y="2502877"/>
                </a:cubicBezTo>
                <a:cubicBezTo>
                  <a:pt x="0" y="1120576"/>
                  <a:pt x="1120576" y="0"/>
                  <a:pt x="2502877" y="0"/>
                </a:cubicBezTo>
                <a:cubicBezTo>
                  <a:pt x="3712390" y="0"/>
                  <a:pt x="4721520" y="857941"/>
                  <a:pt x="4954904" y="1998460"/>
                </a:cubicBezTo>
                <a:close/>
              </a:path>
            </a:pathLst>
          </a:custGeom>
          <a:gradFill>
            <a:gsLst>
              <a:gs pos="0">
                <a:schemeClr val="accent1">
                  <a:alpha val="22000"/>
                </a:schemeClr>
              </a:gs>
              <a:gs pos="87000">
                <a:schemeClr val="accent1">
                  <a:lumMod val="60000"/>
                  <a:lumOff val="40000"/>
                  <a:alpha val="200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3B56082-D95A-1153-629F-0FDAE798E0F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14824" y="735106"/>
            <a:ext cx="10053763" cy="292847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8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Phase 1 Conclusions</a:t>
            </a:r>
          </a:p>
        </p:txBody>
      </p:sp>
      <p:sp>
        <p:nvSpPr>
          <p:cNvPr id="6" name="Subtitle 5">
            <a:extLst>
              <a:ext uri="{FF2B5EF4-FFF2-40B4-BE49-F238E27FC236}">
                <a16:creationId xmlns:a16="http://schemas.microsoft.com/office/drawing/2014/main" id="{D8584E1F-EC73-6340-87B1-C557BC11435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350682" y="4870824"/>
            <a:ext cx="10005951" cy="1458258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marL="342900" indent="-342900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</a:pPr>
            <a:r>
              <a:rPr lang="en-US" sz="2400" kern="1200" cap="none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ome gaps identified in coverage for hydrogen applications.</a:t>
            </a:r>
          </a:p>
          <a:p>
            <a:pPr marL="342900" indent="-342900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</a:pPr>
            <a:r>
              <a:rPr lang="en-US" sz="2400" kern="1200" cap="none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Need for an overarching guidance document to provide clarity for demonstrating the safe development of hydrogen projects</a:t>
            </a:r>
          </a:p>
          <a:p>
            <a:pPr>
              <a:lnSpc>
                <a:spcPct val="90000"/>
              </a:lnSpc>
              <a:spcBef>
                <a:spcPts val="1000"/>
              </a:spcBef>
            </a:pPr>
            <a:endParaRPr lang="en-US" sz="2400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A58C9DB-19E4-14B4-F337-E9230614003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28800" y="1984248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rgbClr val="FFFFFF"/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46486-B70C-5CD0-A915-04B1838924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46837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>
                <a:solidFill>
                  <a:schemeClr val="tx1">
                    <a:lumMod val="50000"/>
                    <a:lumOff val="50000"/>
                  </a:schemeClr>
                </a:solidFill>
              </a:rPr>
              <a:pPr>
                <a:spcAft>
                  <a:spcPts val="600"/>
                </a:spcAft>
              </a:pPr>
              <a:t>14</a:t>
            </a:fld>
            <a:endParaRPr lang="en-US" sz="110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720294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1D432BE-38D2-3928-07EF-69C39EE85E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4A5D48C-69B1-4980-ADD3-CDBA144E90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pPr/>
              <a:t>15</a:t>
            </a:fld>
            <a:endParaRPr lang="en-GB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8AF9589-7BCB-63F5-7C84-B5DAD9BFF1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hase 2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F5AE93CD-C2A1-6A49-D249-58DD4C8B8A5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Guidance</a:t>
            </a:r>
          </a:p>
        </p:txBody>
      </p:sp>
    </p:spTree>
    <p:extLst>
      <p:ext uri="{BB962C8B-B14F-4D97-AF65-F5344CB8AC3E}">
        <p14:creationId xmlns:p14="http://schemas.microsoft.com/office/powerpoint/2010/main" val="24835107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5C10822B-D726-CCC6-7CEA-B013B46C7D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 lIns="91440" tIns="45720" rIns="91440" bIns="45720" rtlCol="0" anchor="ctr">
            <a:normAutofit/>
          </a:bodyPr>
          <a:lstStyle/>
          <a:p>
            <a:r>
              <a:rPr lang="en-US" sz="4000"/>
              <a:t>Scop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A544802A-8ABB-6EEF-3EDD-5FF3855EB3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vert="horz" lIns="91440" tIns="45720" rIns="91440" bIns="45720" rtlCol="0" anchor="ctr">
            <a:normAutofit fontScale="55000" lnSpcReduction="20000"/>
          </a:bodyPr>
          <a:lstStyle/>
          <a:p>
            <a:pPr>
              <a:spcAft>
                <a:spcPts val="600"/>
              </a:spcAft>
              <a:defRPr/>
            </a:pPr>
            <a:fld id="{3954854E-1B22-401C-B4EE-1698A89C07E3}" type="slidenum">
              <a:rPr lang="en-US" sz="1200" smtClean="0">
                <a:solidFill>
                  <a:prstClr val="black">
                    <a:tint val="75000"/>
                  </a:prstClr>
                </a:solidFill>
                <a:latin typeface="Calibri" panose="020F0502020204030204"/>
              </a:rPr>
              <a:pPr>
                <a:spcAft>
                  <a:spcPts val="600"/>
                </a:spcAft>
                <a:defRPr/>
              </a:pPr>
              <a:t>16</a:t>
            </a:fld>
            <a:endParaRPr lang="en-US" sz="1200">
              <a:solidFill>
                <a:prstClr val="black">
                  <a:tint val="75000"/>
                </a:prstClr>
              </a:solidFill>
              <a:latin typeface="Calibri" panose="020F0502020204030204"/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ED8AB18-69C6-C23B-6BAF-133F33737EB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vert="horz" lIns="91440" tIns="45720" rIns="91440" bIns="45720" rtlCol="0" anchor="ctr">
            <a:normAutofit fontScale="55000" lnSpcReduction="20000"/>
          </a:bodyPr>
          <a:lstStyle/>
          <a:p>
            <a:pPr algn="ctr">
              <a:spcAft>
                <a:spcPts val="600"/>
              </a:spcAft>
              <a:defRPr/>
            </a:pPr>
            <a:r>
              <a:rPr lang="en-US" sz="1200" kern="1200">
                <a:solidFill>
                  <a:prstClr val="black">
                    <a:tint val="75000"/>
                  </a:prstClr>
                </a:solidFill>
                <a:latin typeface="Calibri" panose="020F0502020204030204"/>
                <a:ea typeface="+mn-ea"/>
                <a:cs typeface="+mn-cs"/>
              </a:rPr>
              <a:t>IChemE Hazards 33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5747564-C232-B499-7117-BFF669F4DBD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1" b="651"/>
          <a:stretch/>
        </p:blipFill>
        <p:spPr>
          <a:xfrm>
            <a:off x="7556409" y="557190"/>
            <a:ext cx="3995928" cy="5571896"/>
          </a:xfrm>
          <a:prstGeom prst="rect">
            <a:avLst/>
          </a:prstGeom>
          <a:effectLst/>
        </p:spPr>
      </p:pic>
      <p:graphicFrame>
        <p:nvGraphicFramePr>
          <p:cNvPr id="8" name="Content Placeholder 8">
            <a:extLst>
              <a:ext uri="{FF2B5EF4-FFF2-40B4-BE49-F238E27FC236}">
                <a16:creationId xmlns:a16="http://schemas.microsoft.com/office/drawing/2014/main" id="{01F73A67-F5D8-D788-C063-1E918B529CB2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952348020"/>
              </p:ext>
            </p:extLst>
          </p:nvPr>
        </p:nvGraphicFramePr>
        <p:xfrm>
          <a:off x="474784" y="1793307"/>
          <a:ext cx="6358432" cy="4323003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3649595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3" name="Rectangle 22">
            <a:extLst>
              <a:ext uri="{FF2B5EF4-FFF2-40B4-BE49-F238E27FC236}">
                <a16:creationId xmlns:a16="http://schemas.microsoft.com/office/drawing/2014/main" id="{2A11688B-0A27-4E86-8D55-76F71ADF299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C84A868B-654E-447C-8D9C-0F9328308CA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0"/>
            <a:ext cx="12192000" cy="6858000"/>
            <a:chOff x="0" y="0"/>
            <a:chExt cx="12192000" cy="6858000"/>
          </a:xfrm>
        </p:grpSpPr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4E43F5E5-7E34-4029-B18F-CAED0208687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0"/>
              <a:ext cx="12192000" cy="6858000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27" name="Rectangle 26">
              <a:extLst>
                <a:ext uri="{FF2B5EF4-FFF2-40B4-BE49-F238E27FC236}">
                  <a16:creationId xmlns:a16="http://schemas.microsoft.com/office/drawing/2014/main" id="{B59931FA-11DF-4781-8AAD-FEE88674F78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0"/>
              <a:ext cx="12192000" cy="6858000"/>
            </a:xfrm>
            <a:prstGeom prst="rect">
              <a:avLst/>
            </a:prstGeom>
            <a:solidFill>
              <a:schemeClr val="accent4">
                <a:lumMod val="75000"/>
                <a:alpha val="7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29" name="Rectangle 28">
            <a:extLst>
              <a:ext uri="{FF2B5EF4-FFF2-40B4-BE49-F238E27FC236}">
                <a16:creationId xmlns:a16="http://schemas.microsoft.com/office/drawing/2014/main" id="{40F88E6C-5782-452A-8C4F-9D2C2EAC849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823" cy="314166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81F41DF6-A044-F362-D7EE-1E4CFCE5114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50864" y="365125"/>
            <a:ext cx="11090274" cy="1325563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0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Hydrogen Properties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280F3F15-F3F1-178E-68FC-67ABAE6EA4E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787563" y="6122132"/>
            <a:ext cx="507396" cy="169132"/>
          </a:xfrm>
        </p:spPr>
        <p:txBody>
          <a:bodyPr/>
          <a:lstStyle/>
          <a:p>
            <a:pPr defTabSz="850392">
              <a:spcAft>
                <a:spcPts val="600"/>
              </a:spcAft>
            </a:pPr>
            <a:fld id="{3954854E-1B22-401C-B4EE-1698A89C07E3}" type="slidenum">
              <a:rPr lang="en-GB" sz="744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pPr defTabSz="850392">
                <a:spcAft>
                  <a:spcPts val="600"/>
                </a:spcAft>
              </a:pPr>
              <a:t>17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BFDA504-0A88-0967-71DF-E59DED3CFA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276610" y="6122132"/>
            <a:ext cx="4397433" cy="169132"/>
          </a:xfrm>
        </p:spPr>
        <p:txBody>
          <a:bodyPr/>
          <a:lstStyle/>
          <a:p>
            <a:pPr defTabSz="850392">
              <a:spcAft>
                <a:spcPts val="600"/>
              </a:spcAft>
            </a:pPr>
            <a:r>
              <a:rPr lang="en-GB" sz="744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IChemE Hazards 33</a:t>
            </a:r>
            <a:endParaRPr lang="en-GB"/>
          </a:p>
        </p:txBody>
      </p:sp>
      <p:pic>
        <p:nvPicPr>
          <p:cNvPr id="14" name="Picture 2" descr="Hydrogen hazard awareness course">
            <a:extLst>
              <a:ext uri="{FF2B5EF4-FFF2-40B4-BE49-F238E27FC236}">
                <a16:creationId xmlns:a16="http://schemas.microsoft.com/office/drawing/2014/main" id="{CF8A7155-2809-75BD-0648-DB6A8672B61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220" r="14622"/>
          <a:stretch/>
        </p:blipFill>
        <p:spPr bwMode="auto">
          <a:xfrm>
            <a:off x="6623362" y="2223382"/>
            <a:ext cx="3705079" cy="26405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C2B611F9-8889-D905-34D8-AE0F661C8102}"/>
              </a:ext>
            </a:extLst>
          </p:cNvPr>
          <p:cNvSpPr txBox="1"/>
          <p:nvPr/>
        </p:nvSpPr>
        <p:spPr>
          <a:xfrm>
            <a:off x="8037651" y="4953704"/>
            <a:ext cx="993312" cy="1236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defTabSz="569763">
              <a:spcAft>
                <a:spcPts val="558"/>
              </a:spcAft>
            </a:pPr>
            <a:r>
              <a:rPr lang="en-GB" sz="655" i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ource: </a:t>
            </a:r>
            <a:r>
              <a:rPr lang="en-GB" sz="655" i="1" kern="1200">
                <a:solidFill>
                  <a:schemeClr val="tx1"/>
                </a:solidFill>
                <a:latin typeface="+mn-lt"/>
                <a:ea typeface="+mn-ea"/>
                <a:cs typeface="+mn-cs"/>
                <a:hlinkClick r:id="rId3"/>
              </a:rPr>
              <a:t>DNV</a:t>
            </a:r>
            <a:endParaRPr lang="en-GB" sz="1050" i="1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332A9D0B-D0C1-BCCE-0A1F-D7AAAB3AA192}"/>
              </a:ext>
            </a:extLst>
          </p:cNvPr>
          <p:cNvSpPr txBox="1"/>
          <p:nvPr/>
        </p:nvSpPr>
        <p:spPr>
          <a:xfrm>
            <a:off x="893867" y="2133600"/>
            <a:ext cx="4780176" cy="302659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65748" indent="-265748" defTabSz="850392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674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Physiological and Personnel Safety</a:t>
            </a:r>
          </a:p>
          <a:p>
            <a:pPr marL="265748" indent="-265748" defTabSz="850392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GB" sz="1674" kern="120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65748" indent="-265748" defTabSz="850392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674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Fire and Explosion</a:t>
            </a:r>
          </a:p>
          <a:p>
            <a:pPr marL="265748" indent="-265748" defTabSz="850392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GB" sz="1674" kern="120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65748" indent="-265748" defTabSz="850392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674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Hydrogen Embrittlement</a:t>
            </a:r>
          </a:p>
          <a:p>
            <a:pPr marL="265748" indent="-265748" defTabSz="850392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GB" sz="1674" kern="120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65748" indent="-265748" defTabSz="850392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674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High Temperature Hydrogen Attack</a:t>
            </a:r>
          </a:p>
          <a:p>
            <a:pPr marL="265748" indent="-265748" defTabSz="850392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GB" sz="1674" kern="120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265748" indent="-265748" defTabSz="850392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GB" sz="1674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Low Temperature Embrittlemen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352938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201CC55D-ED54-4C5C-95E6-10947BD110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1999" cy="685736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6A27E17-6897-7838-C042-B36B8B862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9560" y="856180"/>
            <a:ext cx="4560584" cy="1128068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000"/>
              <a:t>Safety Case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1DE889C7-FAD6-4397-98E2-05D50348445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1083484"/>
            <a:ext cx="355196" cy="673460"/>
            <a:chOff x="0" y="823811"/>
            <a:chExt cx="355196" cy="673460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F399A70F-F8CD-4992-9EF5-6CF15472E73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823811"/>
              <a:ext cx="87363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48F4FEDC-6D80-458C-A665-075D9B9500F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59341" y="823811"/>
              <a:ext cx="195855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8" name="Rectangle 17">
            <a:extLst>
              <a:ext uri="{FF2B5EF4-FFF2-40B4-BE49-F238E27FC236}">
                <a16:creationId xmlns:a16="http://schemas.microsoft.com/office/drawing/2014/main" id="{3873B707-463F-40B0-8227-E8CC6C67EB2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665085" y="2090569"/>
            <a:ext cx="4297680" cy="27432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87C39456-1DF2-830D-0BF3-DA4529DD3A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590719" y="2330505"/>
            <a:ext cx="4559425" cy="397958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kern="1200" dirty="0"/>
              <a:t>COMAH legislation applies to hydrogen (and associated substances, e.g. LOHC)</a:t>
            </a:r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2000" kern="1200" dirty="0"/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kern="1200" dirty="0"/>
              <a:t>Offshore Safety Directive SCR 2015 does not cover offshore hydrogen production but can be followed as a general framework for managing hazardous fluids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2000" kern="1200" dirty="0"/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C13237C8-E62C-4F0D-A318-BD6FB6C2D13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0697670" y="0"/>
            <a:ext cx="149433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9C9EAEA-39D0-4B0E-A0EB-51E7B26740B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85810" y="513853"/>
            <a:ext cx="6009366" cy="5834577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B42244C-435D-D527-1DBB-E25980C8D0B5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1416"/>
          <a:stretch/>
        </p:blipFill>
        <p:spPr>
          <a:xfrm>
            <a:off x="5977788" y="799352"/>
            <a:ext cx="5425410" cy="5259296"/>
          </a:xfrm>
          <a:prstGeom prst="rect">
            <a:avLst/>
          </a:prstGeom>
        </p:spPr>
      </p:pic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AB76995-7E86-FCDB-3259-0B44CB87C07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685810" y="6492240"/>
            <a:ext cx="305086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  <a:defRPr/>
            </a:pPr>
            <a:r>
              <a:rPr lang="en-US" sz="1000" kern="1200">
                <a:solidFill>
                  <a:prstClr val="black">
                    <a:tint val="75000"/>
                  </a:prstClr>
                </a:solidFill>
                <a:latin typeface="Calibri" panose="020F0502020204030204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0B5A687-07A0-95A3-C521-2AC0B75EA0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9385070" y="6492240"/>
            <a:ext cx="105571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  <a:defRPr/>
            </a:pPr>
            <a:fld id="{3954854E-1B22-401C-B4EE-1698A89C07E3}" type="slidenum">
              <a:rPr lang="en-US" sz="1200" smtClean="0">
                <a:solidFill>
                  <a:prstClr val="black">
                    <a:tint val="75000"/>
                  </a:prstClr>
                </a:solidFill>
                <a:latin typeface="Calibri" panose="020F0502020204030204"/>
              </a:rPr>
              <a:pPr>
                <a:spcAft>
                  <a:spcPts val="600"/>
                </a:spcAft>
                <a:defRPr/>
              </a:pPr>
              <a:t>18</a:t>
            </a:fld>
            <a:endParaRPr lang="en-US" sz="1200">
              <a:solidFill>
                <a:prstClr val="black">
                  <a:tint val="75000"/>
                </a:prstClr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5273464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201CC55D-ED54-4C5C-95E6-10947BD110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1999" cy="685736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AF1F39-3EC2-6D01-3E1A-CC987F9EC4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9560" y="856180"/>
            <a:ext cx="4560584" cy="1128068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3700"/>
              <a:t>Design and Asset Integrity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1DE889C7-FAD6-4397-98E2-05D50348445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1083484"/>
            <a:ext cx="355196" cy="673460"/>
            <a:chOff x="0" y="823811"/>
            <a:chExt cx="355196" cy="673460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F399A70F-F8CD-4992-9EF5-6CF15472E73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823811"/>
              <a:ext cx="87363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48F4FEDC-6D80-458C-A665-075D9B9500F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59341" y="823811"/>
              <a:ext cx="195855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8" name="Rectangle 17">
            <a:extLst>
              <a:ext uri="{FF2B5EF4-FFF2-40B4-BE49-F238E27FC236}">
                <a16:creationId xmlns:a16="http://schemas.microsoft.com/office/drawing/2014/main" id="{3873B707-463F-40B0-8227-E8CC6C67EB2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665085" y="2090569"/>
            <a:ext cx="4297680" cy="27432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3DBBEB1-A0BB-5DC3-2AFD-7A34C9C60C9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590719" y="2330505"/>
            <a:ext cx="4559425" cy="397958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kern="1200"/>
              <a:t>Hydrogen covered by legislation but need to consider the specific properties of hydrogen when specifying and designing equipment.</a:t>
            </a:r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2000" kern="1200"/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kern="1200"/>
              <a:t>Requirements relating to pressure, flammability and explosivity</a:t>
            </a:r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2000" kern="1200"/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2000" kern="1200"/>
              <a:t>Hydrogen specific standards can be used to demonstrate good practice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2000" kern="1200"/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C13237C8-E62C-4F0D-A318-BD6FB6C2D13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0697670" y="0"/>
            <a:ext cx="149433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9C9EAEA-39D0-4B0E-A0EB-51E7B26740B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85810" y="513853"/>
            <a:ext cx="6009366" cy="5834577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7" name="Picture 6" descr="A picture containing outdoor, building&#10;&#10;Description automatically generated">
            <a:extLst>
              <a:ext uri="{FF2B5EF4-FFF2-40B4-BE49-F238E27FC236}">
                <a16:creationId xmlns:a16="http://schemas.microsoft.com/office/drawing/2014/main" id="{86C823D3-D246-05B4-00E5-510BB007312C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858" r="13284" b="1"/>
          <a:stretch/>
        </p:blipFill>
        <p:spPr>
          <a:xfrm>
            <a:off x="5977788" y="799352"/>
            <a:ext cx="5425410" cy="5259296"/>
          </a:xfrm>
          <a:prstGeom prst="rect">
            <a:avLst/>
          </a:prstGeom>
        </p:spPr>
      </p:pic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BF2B997-61B7-64CB-351F-73B7659D57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685810" y="6492240"/>
            <a:ext cx="305086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  <a:defRPr/>
            </a:pPr>
            <a:r>
              <a:rPr lang="en-US" sz="1000" kern="1200">
                <a:solidFill>
                  <a:prstClr val="black">
                    <a:tint val="75000"/>
                  </a:prstClr>
                </a:solidFill>
                <a:latin typeface="Calibri" panose="020F0502020204030204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A0C3370-FBE7-00DB-5A24-E3C482DFDD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9385070" y="6492240"/>
            <a:ext cx="105571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  <a:defRPr/>
            </a:pPr>
            <a:fld id="{3954854E-1B22-401C-B4EE-1698A89C07E3}" type="slidenum">
              <a:rPr lang="en-US" sz="1200" smtClean="0">
                <a:solidFill>
                  <a:prstClr val="black">
                    <a:tint val="75000"/>
                  </a:prstClr>
                </a:solidFill>
                <a:latin typeface="Calibri" panose="020F0502020204030204"/>
              </a:rPr>
              <a:pPr>
                <a:spcAft>
                  <a:spcPts val="600"/>
                </a:spcAft>
                <a:defRPr/>
              </a:pPr>
              <a:t>19</a:t>
            </a:fld>
            <a:endParaRPr lang="en-US" sz="1200">
              <a:solidFill>
                <a:prstClr val="black">
                  <a:tint val="75000"/>
                </a:prstClr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020866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0DB7CBC-63FB-C360-9305-01F01638870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ChemE Hazards 33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6EC92B9-4DE6-040D-5951-A295DA2FC0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1087E983-34D4-C6AC-90EE-7AB9F6C8060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03930" y="504000"/>
            <a:ext cx="2392714" cy="387798"/>
          </a:xfrm>
        </p:spPr>
        <p:txBody>
          <a:bodyPr/>
          <a:lstStyle/>
          <a:p>
            <a:r>
              <a:rPr lang="en-US" dirty="0"/>
              <a:t>Agenda</a:t>
            </a:r>
          </a:p>
        </p:txBody>
      </p:sp>
      <p:graphicFrame>
        <p:nvGraphicFramePr>
          <p:cNvPr id="6" name="Content Placeholder 7">
            <a:extLst>
              <a:ext uri="{FF2B5EF4-FFF2-40B4-BE49-F238E27FC236}">
                <a16:creationId xmlns:a16="http://schemas.microsoft.com/office/drawing/2014/main" id="{48F10F35-8E8B-25B8-31A4-7B20CAC7DA6D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318745192"/>
              </p:ext>
            </p:extLst>
          </p:nvPr>
        </p:nvGraphicFramePr>
        <p:xfrm>
          <a:off x="6899596" y="891799"/>
          <a:ext cx="4536504" cy="496290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233384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3" name="Rectangle 12">
            <a:extLst>
              <a:ext uri="{FF2B5EF4-FFF2-40B4-BE49-F238E27FC236}">
                <a16:creationId xmlns:a16="http://schemas.microsoft.com/office/drawing/2014/main" id="{AAAE94E3-A7DB-4868-B1E3-E49703488BB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1999" cy="685736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8404D7-7295-0B26-8482-7E54AA15B9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9560" y="856180"/>
            <a:ext cx="5279408" cy="1128068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000" dirty="0"/>
              <a:t>Gas Safety</a:t>
            </a:r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1DE889C7-FAD6-4397-98E2-05D50348445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1083484"/>
            <a:ext cx="355196" cy="673460"/>
            <a:chOff x="0" y="823811"/>
            <a:chExt cx="355196" cy="673460"/>
          </a:xfrm>
        </p:grpSpPr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F399A70F-F8CD-4992-9EF5-6CF15472E73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823811"/>
              <a:ext cx="87363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48F4FEDC-6D80-458C-A665-075D9B9500F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59341" y="823811"/>
              <a:ext cx="195855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9" name="Rectangle 18">
            <a:extLst>
              <a:ext uri="{FF2B5EF4-FFF2-40B4-BE49-F238E27FC236}">
                <a16:creationId xmlns:a16="http://schemas.microsoft.com/office/drawing/2014/main" id="{3873B707-463F-40B0-8227-E8CC6C67EB2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665085" y="2123821"/>
            <a:ext cx="4975066" cy="27432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D2FE6A9-923B-C51B-90C1-1927424CE3D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590719" y="2330505"/>
            <a:ext cx="5278066" cy="397958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b="1" kern="1200" dirty="0"/>
              <a:t>GS(M)R </a:t>
            </a:r>
            <a:r>
              <a:rPr lang="en-US" kern="1200" dirty="0"/>
              <a:t>applies to gas networks containing less than 50% hydrogen but limits content to 0.1%  </a:t>
            </a:r>
          </a:p>
          <a:p>
            <a:pPr marL="537750" lvl="2" indent="-228600">
              <a:lnSpc>
                <a:spcPct val="90000"/>
              </a:lnSpc>
            </a:pPr>
            <a:r>
              <a:rPr lang="en-US" kern="1200" dirty="0"/>
              <a:t>Exemptions from the 0.1% rule would be required (e.g. </a:t>
            </a:r>
            <a:r>
              <a:rPr lang="en-US" kern="1200" dirty="0" err="1"/>
              <a:t>HyDeploy</a:t>
            </a:r>
            <a:r>
              <a:rPr lang="en-US" kern="1200" dirty="0"/>
              <a:t>).</a:t>
            </a:r>
          </a:p>
          <a:p>
            <a:pPr marL="537750" lvl="2" indent="-228600">
              <a:lnSpc>
                <a:spcPct val="90000"/>
              </a:lnSpc>
            </a:pPr>
            <a:r>
              <a:rPr lang="en-US" kern="1200" dirty="0"/>
              <a:t>Not applicable to 100% hydrogen trials, however provides a framework for safety cases.</a:t>
            </a:r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kern="1200" dirty="0"/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b="1" kern="1200" dirty="0"/>
              <a:t>GS(I&amp;U)R </a:t>
            </a:r>
            <a:r>
              <a:rPr lang="en-US" kern="1200" dirty="0"/>
              <a:t>applies to hydrogen in domestic premises</a:t>
            </a:r>
          </a:p>
          <a:p>
            <a:pPr marL="537750" lvl="2" indent="-228600">
              <a:lnSpc>
                <a:spcPct val="90000"/>
              </a:lnSpc>
            </a:pPr>
            <a:r>
              <a:rPr lang="en-US" kern="1200" dirty="0"/>
              <a:t>Applies in non-domestic premises where it is not the main constituent </a:t>
            </a:r>
          </a:p>
          <a:p>
            <a:pPr marL="537750" lvl="2" indent="-228600">
              <a:lnSpc>
                <a:spcPct val="90000"/>
              </a:lnSpc>
            </a:pPr>
            <a:r>
              <a:rPr lang="en-US" kern="1200" dirty="0"/>
              <a:t>For commercial settings, should be used as a framework to comply with broader HSWA duties 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kern="1200" dirty="0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C13237C8-E62C-4F0D-A318-BD6FB6C2D13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0697670" y="0"/>
            <a:ext cx="149433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19C9EAEA-39D0-4B0E-A0EB-51E7B26740B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849687" y="357447"/>
            <a:ext cx="4845488" cy="2923587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8" name="Picture 2" descr="Best Hydrogen Boilers">
            <a:extLst>
              <a:ext uri="{FF2B5EF4-FFF2-40B4-BE49-F238E27FC236}">
                <a16:creationId xmlns:a16="http://schemas.microsoft.com/office/drawing/2014/main" id="{3D27492A-384B-6529-51C0-6D7EF4007EE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9258"/>
          <a:stretch/>
        </p:blipFill>
        <p:spPr bwMode="auto">
          <a:xfrm>
            <a:off x="8279458" y="581892"/>
            <a:ext cx="2005363" cy="25187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8CB5D2D7-DF65-4E86-BFBA-FFB9B5ACEB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849687" y="3505479"/>
            <a:ext cx="4845488" cy="2923587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7" name="Picture 6" descr="A picture containing stove, kitchen appliance, appliance&#10;&#10;Description automatically generated">
            <a:extLst>
              <a:ext uri="{FF2B5EF4-FFF2-40B4-BE49-F238E27FC236}">
                <a16:creationId xmlns:a16="http://schemas.microsoft.com/office/drawing/2014/main" id="{DC1BEF62-04A3-4728-3BAC-6B25E07FAA7C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02037" y="3707894"/>
            <a:ext cx="3358340" cy="2518756"/>
          </a:xfrm>
          <a:prstGeom prst="rect">
            <a:avLst/>
          </a:prstGeom>
        </p:spPr>
      </p:pic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398515C-0432-5F2A-7258-6CEEA8E0FFC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685810" y="6492240"/>
            <a:ext cx="305086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en-US" sz="9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D3AA20E-91F9-4C70-62D8-3BE31DF888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9385070" y="6492240"/>
            <a:ext cx="105571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200" smtClean="0">
                <a:solidFill>
                  <a:schemeClr val="tx1">
                    <a:tint val="75000"/>
                  </a:schemeClr>
                </a:solidFill>
              </a:rPr>
              <a:pPr>
                <a:spcAft>
                  <a:spcPts val="600"/>
                </a:spcAft>
              </a:pPr>
              <a:t>20</a:t>
            </a:fld>
            <a:endParaRPr lang="en-US" sz="1200">
              <a:solidFill>
                <a:schemeClr val="tx1">
                  <a:tint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839380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4" name="Rectangle 13">
            <a:extLst>
              <a:ext uri="{FF2B5EF4-FFF2-40B4-BE49-F238E27FC236}">
                <a16:creationId xmlns:a16="http://schemas.microsoft.com/office/drawing/2014/main" id="{BDF1A630-2A9B-41A0-92F9-FDA261070E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1999" cy="685736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19A6B5CE-CB1D-48EE-8B43-E952235C837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 rot="5400000">
            <a:off x="-2340441" y="2666183"/>
            <a:ext cx="5860051" cy="527712"/>
            <a:chOff x="6081624" y="1998368"/>
            <a:chExt cx="5613457" cy="782175"/>
          </a:xfrm>
          <a:solidFill>
            <a:schemeClr val="accent4"/>
          </a:solidFill>
        </p:grpSpPr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E3F3EAA5-4E15-400B-BBA3-82B3F49A217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 rot="5400000">
              <a:off x="11228040" y="2313027"/>
              <a:ext cx="781700" cy="152382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72BA2E40-BE9B-4C54-9CDD-40EE804CCE6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 flipH="1" flipV="1">
              <a:off x="6081624" y="1998844"/>
              <a:ext cx="5372968" cy="781699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20" name="Rectangle 19">
            <a:extLst>
              <a:ext uri="{FF2B5EF4-FFF2-40B4-BE49-F238E27FC236}">
                <a16:creationId xmlns:a16="http://schemas.microsoft.com/office/drawing/2014/main" id="{0DA909B4-15FF-46A6-8A7F-7AEF977FE9E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79528" y="517897"/>
            <a:ext cx="11111729" cy="5857966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B6EB9952-A449-A926-1C67-001804D41CB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1055715" y="2508105"/>
            <a:ext cx="5040285" cy="3632493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1700" kern="1200"/>
              <a:t>Emergencies likely to be similar in nature to Natural Gas but need to consider the unique properties of hydrogen</a:t>
            </a:r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1700" kern="1200"/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1700" kern="1200"/>
              <a:t>Maintain good communication with local authorities and emergency response services</a:t>
            </a:r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1700" kern="1200"/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1700" kern="1200"/>
              <a:t>Notify the authorities when significant quantities of hydrogen are stored on site and provide signage to warn first responders 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C3B700C-904C-A062-CC99-3CFBF55A4C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7025" y="922644"/>
            <a:ext cx="5040285" cy="1169585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3700"/>
              <a:t>Emergency Response</a:t>
            </a:r>
            <a:endParaRPr lang="en-US" sz="3700" dirty="0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382A32C-5B0C-4B1C-A074-76C6DBCC9F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055714" y="2263365"/>
            <a:ext cx="4937760" cy="27432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2DA97220-08DC-89BA-0EEB-32ED3E400BE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25458" y="774285"/>
            <a:ext cx="1954680" cy="199967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948BA46A-9FB4-C939-81A5-3EEFA6F834D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262010" y="774285"/>
            <a:ext cx="2035290" cy="1999673"/>
          </a:xfrm>
          <a:prstGeom prst="rect">
            <a:avLst/>
          </a:prstGeom>
        </p:spPr>
      </p:pic>
      <p:pic>
        <p:nvPicPr>
          <p:cNvPr id="7" name="Picture 6" descr="Two firefighters spraying high pressure water to  fire">
            <a:extLst>
              <a:ext uri="{FF2B5EF4-FFF2-40B4-BE49-F238E27FC236}">
                <a16:creationId xmlns:a16="http://schemas.microsoft.com/office/drawing/2014/main" id="{28636291-53E5-E342-4AD0-F471CDD76DCF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46667" y="3090092"/>
            <a:ext cx="4389120" cy="2918766"/>
          </a:xfrm>
          <a:prstGeom prst="rect">
            <a:avLst/>
          </a:prstGeom>
        </p:spPr>
      </p:pic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947C8CD-8D2D-FC41-C568-D33236D409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492240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algn="ctr">
              <a:spcAft>
                <a:spcPts val="600"/>
              </a:spcAft>
            </a:pPr>
            <a:r>
              <a:rPr lang="en-US" sz="12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34756A0-647C-2E47-968D-4DD8074BEF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492240"/>
            <a:ext cx="27432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200" smtClean="0">
                <a:solidFill>
                  <a:schemeClr val="tx1">
                    <a:tint val="75000"/>
                  </a:schemeClr>
                </a:solidFill>
              </a:rPr>
              <a:pPr>
                <a:spcAft>
                  <a:spcPts val="600"/>
                </a:spcAft>
              </a:pPr>
              <a:t>21</a:t>
            </a:fld>
            <a:endParaRPr lang="en-US" sz="1200">
              <a:solidFill>
                <a:schemeClr val="tx1">
                  <a:tint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55231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32CBC9C-2EC4-57E3-99AB-AF2E7915BD3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1803" y="350196"/>
            <a:ext cx="4646904" cy="1624520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000" dirty="0"/>
              <a:t>Environmental Permitting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B5ADB61-F7F4-C69E-C1E7-D704ECF0DF7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732520" y="6356350"/>
            <a:ext cx="32004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  <a:defRPr/>
            </a:pPr>
            <a:fld id="{3954854E-1B22-401C-B4EE-1698A89C07E3}" type="slidenum">
              <a:rPr lang="en-US" sz="1200">
                <a:solidFill>
                  <a:srgbClr val="FFFFFF"/>
                </a:solidFill>
                <a:latin typeface="Calibri" panose="020F0502020204030204"/>
              </a:rPr>
              <a:pPr>
                <a:spcAft>
                  <a:spcPts val="600"/>
                </a:spcAft>
                <a:defRPr/>
              </a:pPr>
              <a:t>22</a:t>
            </a:fld>
            <a:endParaRPr lang="en-US" sz="1200">
              <a:solidFill>
                <a:srgbClr val="FFFFFF"/>
              </a:solidFill>
              <a:latin typeface="Calibri" panose="020F0502020204030204"/>
            </a:endParaRP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E923CFB-EC9F-33C6-3411-19D1314637F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61802" y="2743200"/>
            <a:ext cx="4646905" cy="3613149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1700" kern="1200" dirty="0"/>
              <a:t>Production of hydrogen and associated activities (e.g. CCS) require an Environmental Permit</a:t>
            </a:r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1700" kern="1200" dirty="0"/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1700" kern="1200" dirty="0"/>
              <a:t>Other associated activities may need to be included on the same permit (e.g. combustion) </a:t>
            </a:r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1700" kern="1200" dirty="0"/>
          </a:p>
          <a:p>
            <a:pPr marL="285750"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en-US" sz="1700" kern="1200" dirty="0"/>
              <a:t>Activities need to demonstrate that they meet best available techniques (BAT) and operate in accordance with BAT conclusions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1700" kern="1200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3C4ABE-9CAA-CDF4-7F5D-7CE21B0E38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478073" y="6356350"/>
            <a:ext cx="3303431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  <a:defRPr/>
            </a:pPr>
            <a:r>
              <a:rPr lang="en-US" sz="1000" kern="1200">
                <a:solidFill>
                  <a:srgbClr val="FFFFFF"/>
                </a:solidFill>
                <a:latin typeface="Calibri" panose="020F0502020204030204"/>
                <a:ea typeface="+mn-ea"/>
                <a:cs typeface="+mn-cs"/>
              </a:rPr>
              <a:t>IChemE Hazards 33</a:t>
            </a:r>
          </a:p>
        </p:txBody>
      </p:sp>
      <p:pic>
        <p:nvPicPr>
          <p:cNvPr id="7" name="Picture 6" descr="A drop of water on a leaf&#10;&#10;Description automatically generated with medium confidence">
            <a:extLst>
              <a:ext uri="{FF2B5EF4-FFF2-40B4-BE49-F238E27FC236}">
                <a16:creationId xmlns:a16="http://schemas.microsoft.com/office/drawing/2014/main" id="{8981E571-A80D-B2EA-BF9A-6471DADE1360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8280" r="11218" b="-2"/>
          <a:stretch/>
        </p:blipFill>
        <p:spPr>
          <a:xfrm>
            <a:off x="6096000" y="1"/>
            <a:ext cx="6102825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92081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A1F6BF70-C7D1-4AF9-8DB4-BEEB8A9C352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1999" cy="685736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FA61C2C-17BC-873D-4A13-A0B43064F3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5065" y="1097280"/>
            <a:ext cx="3796306" cy="4666207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8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Case Studies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0C66A8B6-1F6E-4FCC-93B9-B9986B6FD1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82576" y="5945955"/>
            <a:ext cx="12109423" cy="525780"/>
            <a:chOff x="82576" y="5945955"/>
            <a:chExt cx="12109423" cy="525780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CAF7C4FD-65AD-4BBE-886A-D2E923F94C6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 rot="5400000">
              <a:off x="-103361" y="6131892"/>
              <a:ext cx="524256" cy="152382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1BA8278B-6DF7-481F-B1FA-FFE7D6C3C7B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 rot="16200000" flipH="1">
              <a:off x="5998176" y="277912"/>
              <a:ext cx="524256" cy="1186339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8" name="Rectangle 17">
            <a:extLst>
              <a:ext uri="{FF2B5EF4-FFF2-40B4-BE49-F238E27FC236}">
                <a16:creationId xmlns:a16="http://schemas.microsoft.com/office/drawing/2014/main" id="{2C1BBA94-3F40-40AA-8BB9-E69E25E537C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133706" y="587829"/>
            <a:ext cx="6505300" cy="5682342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25CBBF3-4E53-E221-7CAD-0D94ED4099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49984" y="4987679"/>
            <a:ext cx="299736" cy="99912"/>
          </a:xfrm>
        </p:spPr>
        <p:txBody>
          <a:bodyPr/>
          <a:lstStyle/>
          <a:p>
            <a:pPr defTabSz="502920">
              <a:spcAft>
                <a:spcPts val="600"/>
              </a:spcAft>
            </a:pPr>
            <a:fld id="{3954854E-1B22-401C-B4EE-1698A89C07E3}" type="slidenum">
              <a:rPr lang="en-GB" sz="44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pPr defTabSz="502920">
                <a:spcAft>
                  <a:spcPts val="600"/>
                </a:spcAft>
              </a:pPr>
              <a:t>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B5CA589-F5E1-1273-FE55-D4B1643D5F4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431536" y="4987679"/>
            <a:ext cx="2597715" cy="99912"/>
          </a:xfrm>
        </p:spPr>
        <p:txBody>
          <a:bodyPr/>
          <a:lstStyle/>
          <a:p>
            <a:pPr defTabSz="502920">
              <a:spcAft>
                <a:spcPts val="600"/>
              </a:spcAft>
            </a:pPr>
            <a:r>
              <a:rPr lang="en-GB" sz="44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IChemE Hazards 33</a:t>
            </a:r>
            <a:endParaRPr lang="en-GB"/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BD6E3227-665F-C931-36A7-DC36ED4BA732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990593832"/>
              </p:ext>
            </p:extLst>
          </p:nvPr>
        </p:nvGraphicFramePr>
        <p:xfrm>
          <a:off x="5561234" y="825499"/>
          <a:ext cx="5488749" cy="512045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4636138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6231FC-F2CD-62C3-ACE9-4BF2C42E365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nshore Hydrogen Production &amp; Storag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EDC8808-89E9-F24D-721F-5547E3A4FA2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24</a:t>
            </a:fld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EE2108B-2FDB-2503-F48E-2D97D033779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15900" y="972000"/>
            <a:ext cx="11760200" cy="246221"/>
          </a:xfrm>
        </p:spPr>
        <p:txBody>
          <a:bodyPr/>
          <a:lstStyle/>
          <a:p>
            <a:r>
              <a:rPr lang="en-GB" dirty="0"/>
              <a:t>Hydrogen to Humber (H2H) and </a:t>
            </a:r>
            <a:r>
              <a:rPr lang="en-GB" dirty="0" err="1"/>
              <a:t>Aldbrough</a:t>
            </a:r>
            <a:r>
              <a:rPr lang="en-GB" dirty="0"/>
              <a:t> Hydrogen Storag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771691E-1B6A-8957-32EF-804D0E9D0C0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193774E8-2D3B-FE63-C616-F5B4E179BF5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874167949"/>
              </p:ext>
            </p:extLst>
          </p:nvPr>
        </p:nvGraphicFramePr>
        <p:xfrm>
          <a:off x="736600" y="1660290"/>
          <a:ext cx="4680520" cy="375919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pic>
        <p:nvPicPr>
          <p:cNvPr id="8" name="Picture 2">
            <a:extLst>
              <a:ext uri="{FF2B5EF4-FFF2-40B4-BE49-F238E27FC236}">
                <a16:creationId xmlns:a16="http://schemas.microsoft.com/office/drawing/2014/main" id="{C0483918-C65B-47EC-BFCD-4C992EBFA27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55656" y="2056281"/>
            <a:ext cx="4508800" cy="336320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BC59E0C5-076B-D946-BAD5-2A1E2401204D}"/>
              </a:ext>
            </a:extLst>
          </p:cNvPr>
          <p:cNvSpPr txBox="1"/>
          <p:nvPr/>
        </p:nvSpPr>
        <p:spPr>
          <a:xfrm>
            <a:off x="8275931" y="5485829"/>
            <a:ext cx="1566271" cy="194907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GB" sz="1050" i="1" dirty="0"/>
              <a:t>Source: </a:t>
            </a:r>
            <a:r>
              <a:rPr lang="en-GB" sz="1050" dirty="0">
                <a:hlinkClick r:id="rId8"/>
              </a:rPr>
              <a:t>GOV.UK (www.gov.uk)</a:t>
            </a:r>
            <a:endParaRPr lang="en-GB" sz="1050" i="1" dirty="0"/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802669B3-C480-1AA9-06D9-D059F37CAEF9}"/>
              </a:ext>
            </a:extLst>
          </p:cNvPr>
          <p:cNvSpPr/>
          <p:nvPr/>
        </p:nvSpPr>
        <p:spPr>
          <a:xfrm>
            <a:off x="9348564" y="3672022"/>
            <a:ext cx="1078136" cy="480878"/>
          </a:xfrm>
          <a:prstGeom prst="roundRect">
            <a:avLst>
              <a:gd name="adj" fmla="val 50000"/>
            </a:avLst>
          </a:prstGeom>
          <a:solidFill>
            <a:srgbClr val="FF0000">
              <a:alpha val="5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4000" tIns="54000" rIns="54000" bIns="54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en-GB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732367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471A40-0B75-4EF9-6F7F-B180A6CC45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800" dirty="0"/>
              <a:t>Onshore Hydrogen Production &amp; Storage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95C8958-9280-FB7D-45E7-8D6D94A6C4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25</a:t>
            </a:fld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E71D201-DF0C-1411-D0E0-809B1E55A4F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15900" y="972000"/>
            <a:ext cx="11760200" cy="246221"/>
          </a:xfrm>
        </p:spPr>
        <p:txBody>
          <a:bodyPr/>
          <a:lstStyle/>
          <a:p>
            <a:r>
              <a:rPr lang="en-GB" dirty="0"/>
              <a:t>Hydrogen to Humber (H2H) and </a:t>
            </a:r>
            <a:r>
              <a:rPr lang="en-GB" dirty="0" err="1"/>
              <a:t>Aldbrough</a:t>
            </a:r>
            <a:r>
              <a:rPr lang="en-GB" dirty="0"/>
              <a:t> Hydrogen Storag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638D2BC-61BC-EFD6-3B58-9772AD3BB3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0ACC715-E883-B170-9C1D-719F92B6B83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483699" y="1659645"/>
            <a:ext cx="4222401" cy="4118855"/>
          </a:xfrm>
          <a:prstGeom prst="rect">
            <a:avLst/>
          </a:prstGeom>
          <a:ln>
            <a:solidFill>
              <a:schemeClr val="tx1"/>
            </a:solidFill>
          </a:ln>
        </p:spPr>
      </p:pic>
      <p:graphicFrame>
        <p:nvGraphicFramePr>
          <p:cNvPr id="9" name="Text Placeholder 5">
            <a:extLst>
              <a:ext uri="{FF2B5EF4-FFF2-40B4-BE49-F238E27FC236}">
                <a16:creationId xmlns:a16="http://schemas.microsoft.com/office/drawing/2014/main" id="{5783F5C6-639E-68F5-6E79-FF0DE80D1D12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044137392"/>
              </p:ext>
            </p:extLst>
          </p:nvPr>
        </p:nvGraphicFramePr>
        <p:xfrm>
          <a:off x="215898" y="1512000"/>
          <a:ext cx="6553202" cy="4680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38868946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E8744A0-270D-E067-76B2-08FCBE9BCC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ffshore Hydrogen Production &amp; Transpor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BECAA4-B60B-1471-4633-49B8C39150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26</a:t>
            </a:fld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89A6ACE-74B6-29B8-FEE7-F3E9DE5D811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15900" y="972000"/>
            <a:ext cx="11760200" cy="246221"/>
          </a:xfrm>
        </p:spPr>
        <p:txBody>
          <a:bodyPr/>
          <a:lstStyle/>
          <a:p>
            <a:r>
              <a:rPr lang="en-GB" dirty="0"/>
              <a:t>Dolphyn Hydroge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A9FFD6A-502D-03A1-A4DE-FB86BD3CD33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B8533634-9318-604D-7DF9-455FC1D85FA2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995819588"/>
              </p:ext>
            </p:extLst>
          </p:nvPr>
        </p:nvGraphicFramePr>
        <p:xfrm>
          <a:off x="831004" y="1394729"/>
          <a:ext cx="4490296" cy="4491271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pic>
        <p:nvPicPr>
          <p:cNvPr id="8" name="Picture 7">
            <a:extLst>
              <a:ext uri="{FF2B5EF4-FFF2-40B4-BE49-F238E27FC236}">
                <a16:creationId xmlns:a16="http://schemas.microsoft.com/office/drawing/2014/main" id="{728C9C7F-810D-44B7-649D-0287D72D1BE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860590" y="1758221"/>
            <a:ext cx="5366209" cy="35451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3766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A8F48B6-6467-B0E8-E800-6027C3F454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Offshore Hydrogen Production &amp; Transport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F9B5D5-9771-CFE1-8B44-E794F3D4A4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27</a:t>
            </a:fld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71647C2-9EE9-0603-FD28-14D64B73EC9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15900" y="972000"/>
            <a:ext cx="11760200" cy="246221"/>
          </a:xfrm>
        </p:spPr>
        <p:txBody>
          <a:bodyPr/>
          <a:lstStyle/>
          <a:p>
            <a:r>
              <a:rPr lang="en-GB" dirty="0"/>
              <a:t>Dolphyn Hydrogen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3A04D1A-4E31-D19B-0B1E-D923B503E68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7" name="Picture 2" descr="New MoU could see ERM's award-winning Dolphyn hydrogen technology used on a  200MW floating wind project">
            <a:extLst>
              <a:ext uri="{FF2B5EF4-FFF2-40B4-BE49-F238E27FC236}">
                <a16:creationId xmlns:a16="http://schemas.microsoft.com/office/drawing/2014/main" id="{90AF7857-6E5F-080B-8880-BF0DB77066C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09328" y="1758222"/>
            <a:ext cx="4121289" cy="292029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aphicFrame>
        <p:nvGraphicFramePr>
          <p:cNvPr id="9" name="Text Placeholder 5">
            <a:extLst>
              <a:ext uri="{FF2B5EF4-FFF2-40B4-BE49-F238E27FC236}">
                <a16:creationId xmlns:a16="http://schemas.microsoft.com/office/drawing/2014/main" id="{10C38948-30B2-5B95-5FA7-C3CB9B5D63F5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112015657"/>
              </p:ext>
            </p:extLst>
          </p:nvPr>
        </p:nvGraphicFramePr>
        <p:xfrm>
          <a:off x="215898" y="1512000"/>
          <a:ext cx="6972302" cy="46800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8571024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19A87C-165F-C692-56B8-DE8217F9AC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Hydrogen Network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9ECC766-D88A-DE33-881B-21345EC1A24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28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8C6AF1C-1550-D539-0465-E504BEFEC0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B19E463C-D2B8-80C1-7C45-2F155E3168B4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742116983"/>
              </p:ext>
            </p:extLst>
          </p:nvPr>
        </p:nvGraphicFramePr>
        <p:xfrm>
          <a:off x="532004" y="1401899"/>
          <a:ext cx="5868795" cy="405420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pic>
        <p:nvPicPr>
          <p:cNvPr id="8" name="Picture 7">
            <a:extLst>
              <a:ext uri="{FF2B5EF4-FFF2-40B4-BE49-F238E27FC236}">
                <a16:creationId xmlns:a16="http://schemas.microsoft.com/office/drawing/2014/main" id="{4A1BED61-DD6A-8761-A413-6ED7D5ECF41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934572" y="1401899"/>
            <a:ext cx="4368428" cy="4507960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5A2D1B56-815F-D19F-F7D8-AF9DA5A17154}"/>
              </a:ext>
            </a:extLst>
          </p:cNvPr>
          <p:cNvSpPr txBox="1"/>
          <p:nvPr/>
        </p:nvSpPr>
        <p:spPr>
          <a:xfrm>
            <a:off x="8285348" y="5790735"/>
            <a:ext cx="1666875" cy="23824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GB" sz="1000" i="1" dirty="0"/>
              <a:t>Source: Guide to the GS(M)R Figure 1</a:t>
            </a:r>
          </a:p>
        </p:txBody>
      </p:sp>
    </p:spTree>
    <p:extLst>
      <p:ext uri="{BB962C8B-B14F-4D97-AF65-F5344CB8AC3E}">
        <p14:creationId xmlns:p14="http://schemas.microsoft.com/office/powerpoint/2010/main" val="37519782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201CC55D-ED54-4C5C-95E6-10947BD110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1999" cy="685736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7BD01B6-2075-68BB-69E6-DF0715BBCAE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9560" y="856180"/>
            <a:ext cx="4560584" cy="1128068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3700"/>
              <a:t>Hydrogen Network</a:t>
            </a:r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1DE889C7-FAD6-4397-98E2-05D50348445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1083484"/>
            <a:ext cx="355196" cy="673460"/>
            <a:chOff x="0" y="823811"/>
            <a:chExt cx="355196" cy="673460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F399A70F-F8CD-4992-9EF5-6CF15472E73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823811"/>
              <a:ext cx="87363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48F4FEDC-6D80-458C-A665-075D9B9500F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59341" y="823811"/>
              <a:ext cx="195855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8" name="Rectangle 17">
            <a:extLst>
              <a:ext uri="{FF2B5EF4-FFF2-40B4-BE49-F238E27FC236}">
                <a16:creationId xmlns:a16="http://schemas.microsoft.com/office/drawing/2014/main" id="{3873B707-463F-40B0-8227-E8CC6C67EB2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665085" y="2090569"/>
            <a:ext cx="4297680" cy="27432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4677A9CC-210C-57D8-B2D1-70886398D942}"/>
              </a:ext>
            </a:extLst>
          </p:cNvPr>
          <p:cNvGraphicFramePr/>
          <p:nvPr/>
        </p:nvGraphicFramePr>
        <p:xfrm>
          <a:off x="590719" y="2330505"/>
          <a:ext cx="4559425" cy="397958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20" name="Rectangle 19">
            <a:extLst>
              <a:ext uri="{FF2B5EF4-FFF2-40B4-BE49-F238E27FC236}">
                <a16:creationId xmlns:a16="http://schemas.microsoft.com/office/drawing/2014/main" id="{C13237C8-E62C-4F0D-A318-BD6FB6C2D13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0697670" y="0"/>
            <a:ext cx="149433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9C9EAEA-39D0-4B0E-A0EB-51E7B26740B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85810" y="513853"/>
            <a:ext cx="6009366" cy="5834577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7" name="Picture 2" descr="A hydrogen pipeline is being built between Barcelona and Marseille – but  can it help in the transition to cleaner energy?">
            <a:extLst>
              <a:ext uri="{FF2B5EF4-FFF2-40B4-BE49-F238E27FC236}">
                <a16:creationId xmlns:a16="http://schemas.microsoft.com/office/drawing/2014/main" id="{9AED5444-36A5-4186-A338-044E168FCD27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329" r="24554" b="-1"/>
          <a:stretch/>
        </p:blipFill>
        <p:spPr bwMode="auto">
          <a:xfrm>
            <a:off x="5977788" y="799352"/>
            <a:ext cx="5425410" cy="52592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C2B16D6-17EE-9E50-31B8-DC352BEFE8E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685810" y="6492240"/>
            <a:ext cx="305086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  <a:defRPr/>
            </a:pPr>
            <a:r>
              <a:rPr lang="en-US" sz="1000" kern="1200">
                <a:solidFill>
                  <a:prstClr val="black">
                    <a:tint val="75000"/>
                  </a:prstClr>
                </a:solidFill>
                <a:latin typeface="Calibri" panose="020F0502020204030204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F68D196-E84D-6706-BE38-C898DE1CA2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9385070" y="6492240"/>
            <a:ext cx="105571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  <a:defRPr/>
            </a:pPr>
            <a:fld id="{3954854E-1B22-401C-B4EE-1698A89C07E3}" type="slidenum">
              <a:rPr lang="en-US" sz="1200" smtClean="0">
                <a:solidFill>
                  <a:prstClr val="black">
                    <a:tint val="75000"/>
                  </a:prstClr>
                </a:solidFill>
                <a:latin typeface="Calibri" panose="020F0502020204030204"/>
              </a:rPr>
              <a:pPr>
                <a:spcAft>
                  <a:spcPts val="600"/>
                </a:spcAft>
                <a:defRPr/>
              </a:pPr>
              <a:t>29</a:t>
            </a:fld>
            <a:endParaRPr lang="en-US" sz="1200">
              <a:solidFill>
                <a:prstClr val="black">
                  <a:tint val="75000"/>
                </a:prstClr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1474328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707F2CB0-AF2F-7428-1B6C-AB750E62DD8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9EC8185-3ACE-43FA-01D1-7D88B4ABEA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US" smtClean="0"/>
              <a:t>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F8A41E-A69D-C604-1A02-98A653ABEDD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ChemE Hazards 33</a:t>
            </a:r>
            <a:endParaRPr lang="en-US" dirty="0"/>
          </a:p>
        </p:txBody>
      </p:sp>
      <p:graphicFrame>
        <p:nvGraphicFramePr>
          <p:cNvPr id="2" name="Content Placeholder 9">
            <a:extLst>
              <a:ext uri="{FF2B5EF4-FFF2-40B4-BE49-F238E27FC236}">
                <a16:creationId xmlns:a16="http://schemas.microsoft.com/office/drawing/2014/main" id="{262873A5-73B1-3FB2-8945-DA7886892A8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712403258"/>
              </p:ext>
            </p:extLst>
          </p:nvPr>
        </p:nvGraphicFramePr>
        <p:xfrm>
          <a:off x="1419224" y="1320800"/>
          <a:ext cx="9388475" cy="44809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55286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201CC55D-ED54-4C5C-95E6-10947BD110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1999" cy="685736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A366D90-C78C-41B2-B1B8-7AE7D34097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9560" y="856180"/>
            <a:ext cx="4560584" cy="1128068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2500"/>
              <a:t>Hydrogen Refuelling Stations</a:t>
            </a:r>
            <a:br>
              <a:rPr lang="en-US" sz="2500"/>
            </a:br>
            <a:endParaRPr lang="en-US" sz="2500"/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1DE889C7-FAD6-4397-98E2-05D50348445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1083484"/>
            <a:ext cx="355196" cy="673460"/>
            <a:chOff x="0" y="823811"/>
            <a:chExt cx="355196" cy="673460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F399A70F-F8CD-4992-9EF5-6CF15472E73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823811"/>
              <a:ext cx="87363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48F4FEDC-6D80-458C-A665-075D9B9500FD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59341" y="823811"/>
              <a:ext cx="195855" cy="673460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18" name="Rectangle 17">
            <a:extLst>
              <a:ext uri="{FF2B5EF4-FFF2-40B4-BE49-F238E27FC236}">
                <a16:creationId xmlns:a16="http://schemas.microsoft.com/office/drawing/2014/main" id="{3873B707-463F-40B0-8227-E8CC6C67EB2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665085" y="2090569"/>
            <a:ext cx="4297680" cy="27432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7B076ABE-E194-1196-2BF3-C9EF638E9500}"/>
              </a:ext>
            </a:extLst>
          </p:cNvPr>
          <p:cNvGraphicFramePr/>
          <p:nvPr/>
        </p:nvGraphicFramePr>
        <p:xfrm>
          <a:off x="590719" y="2330505"/>
          <a:ext cx="4559425" cy="397958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20" name="Rectangle 19">
            <a:extLst>
              <a:ext uri="{FF2B5EF4-FFF2-40B4-BE49-F238E27FC236}">
                <a16:creationId xmlns:a16="http://schemas.microsoft.com/office/drawing/2014/main" id="{C13237C8-E62C-4F0D-A318-BD6FB6C2D13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0697670" y="0"/>
            <a:ext cx="149433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19C9EAEA-39D0-4B0E-A0EB-51E7B26740B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85810" y="513853"/>
            <a:ext cx="6009366" cy="5834577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7" name="Picture 6" descr="Hydrogen-powered car being fueled">
            <a:extLst>
              <a:ext uri="{FF2B5EF4-FFF2-40B4-BE49-F238E27FC236}">
                <a16:creationId xmlns:a16="http://schemas.microsoft.com/office/drawing/2014/main" id="{D45EE395-63F0-6CB1-2BCE-BBF383CA5C00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1400" b="1"/>
          <a:stretch/>
        </p:blipFill>
        <p:spPr>
          <a:xfrm>
            <a:off x="5977788" y="799352"/>
            <a:ext cx="5425410" cy="5259296"/>
          </a:xfrm>
          <a:prstGeom prst="rect">
            <a:avLst/>
          </a:prstGeom>
        </p:spPr>
      </p:pic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2807BE-77B7-FC54-D1A0-DD9B7A69074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5685810" y="6492240"/>
            <a:ext cx="305086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  <a:defRPr/>
            </a:pPr>
            <a:r>
              <a:rPr lang="en-US" sz="1000" kern="1200">
                <a:solidFill>
                  <a:prstClr val="black">
                    <a:tint val="75000"/>
                  </a:prstClr>
                </a:solidFill>
                <a:latin typeface="Calibri" panose="020F0502020204030204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06B8327-1B3E-9FBE-02E9-D84A0840FC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9385070" y="6492240"/>
            <a:ext cx="105571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  <a:defRPr/>
            </a:pPr>
            <a:fld id="{3954854E-1B22-401C-B4EE-1698A89C07E3}" type="slidenum">
              <a:rPr lang="en-US" sz="1200" smtClean="0">
                <a:solidFill>
                  <a:prstClr val="black">
                    <a:tint val="75000"/>
                  </a:prstClr>
                </a:solidFill>
                <a:latin typeface="Calibri" panose="020F0502020204030204"/>
              </a:rPr>
              <a:pPr>
                <a:spcAft>
                  <a:spcPts val="600"/>
                </a:spcAft>
                <a:defRPr/>
              </a:pPr>
              <a:t>30</a:t>
            </a:fld>
            <a:endParaRPr lang="en-US" sz="1200">
              <a:solidFill>
                <a:prstClr val="black">
                  <a:tint val="75000"/>
                </a:prstClr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4368333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FC96D0-55A1-7685-21B3-E99BB95CDF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nclusio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7B384C8-8A18-296C-DAF4-BE536D70ED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31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B103DF-0AF2-06B1-F2DA-80875799388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03C1F38A-DDCA-53E4-D77A-E663F7087E4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182342141"/>
              </p:ext>
            </p:extLst>
          </p:nvPr>
        </p:nvGraphicFramePr>
        <p:xfrm>
          <a:off x="683568" y="872386"/>
          <a:ext cx="10924232" cy="310271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46E32839-01C8-98D5-8F38-88591E7C7BC7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367620102"/>
              </p:ext>
            </p:extLst>
          </p:nvPr>
        </p:nvGraphicFramePr>
        <p:xfrm>
          <a:off x="683568" y="4191000"/>
          <a:ext cx="10924232" cy="15738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</p:spTree>
    <p:extLst>
      <p:ext uri="{BB962C8B-B14F-4D97-AF65-F5344CB8AC3E}">
        <p14:creationId xmlns:p14="http://schemas.microsoft.com/office/powerpoint/2010/main" val="16057608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92AF1B1-0C39-F7D9-CC99-37ABC823906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32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E631AA8-C528-F674-C2DD-1A7ABD4559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58147FB-73A2-9B03-5CF1-090396F2605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2870200"/>
            <a:ext cx="11760199" cy="3321800"/>
          </a:xfrm>
        </p:spPr>
        <p:txBody>
          <a:bodyPr/>
          <a:lstStyle/>
          <a:p>
            <a:pPr algn="ctr"/>
            <a:endParaRPr lang="en-GB" dirty="0"/>
          </a:p>
          <a:p>
            <a:pPr algn="ctr"/>
            <a:r>
              <a:rPr lang="en-GB" dirty="0"/>
              <a:t>Download the Full Report Here: </a:t>
            </a:r>
          </a:p>
          <a:p>
            <a:pPr algn="ctr"/>
            <a:r>
              <a:rPr lang="en-GB" dirty="0">
                <a:hlinkClick r:id="rId2"/>
              </a:rPr>
              <a:t>https://publishing.energyinst.org/topics/hydrogen/guidance-for-uk-hydrogen-safety-case-development-onshore-and-offshore</a:t>
            </a:r>
            <a:endParaRPr lang="en-GB" dirty="0"/>
          </a:p>
          <a:p>
            <a:pPr algn="ctr"/>
            <a:endParaRPr lang="en-GB" dirty="0"/>
          </a:p>
          <a:p>
            <a:pPr algn="ctr"/>
            <a:endParaRPr lang="en-GB" dirty="0"/>
          </a:p>
        </p:txBody>
      </p:sp>
      <p:pic>
        <p:nvPicPr>
          <p:cNvPr id="7" name="Graphic 6" descr="Internet outline">
            <a:extLst>
              <a:ext uri="{FF2B5EF4-FFF2-40B4-BE49-F238E27FC236}">
                <a16:creationId xmlns:a16="http://schemas.microsoft.com/office/drawing/2014/main" id="{96E99237-8090-3C56-3AE1-F16F5E67F69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5486400" y="1714351"/>
            <a:ext cx="1219200" cy="121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10878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7924C76-E87A-D8F1-F97E-2F03070F537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US" smtClean="0"/>
              <a:pPr/>
              <a:t>33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4563D62-9C9A-CA1D-CB53-630372AF5F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ChemE Hazards 33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957328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C68E8FD5-74AD-103A-EE77-A0129B44C7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ground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5822BF1-1001-592B-62E1-70E72C2ADF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US" smtClean="0"/>
              <a:t>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EF3F5E5-ACA8-9818-91D4-AC822082E9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ChemE Hazards 33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A752497E-81AA-4256-D77C-89B01F4ED53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39544" y="1059581"/>
            <a:ext cx="9861806" cy="4659703"/>
          </a:xfrm>
          <a:prstGeom prst="rect">
            <a:avLst/>
          </a:prstGeom>
          <a:noFill/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6507EB75-66CF-3F63-8F7B-6429B88A7000}"/>
              </a:ext>
            </a:extLst>
          </p:cNvPr>
          <p:cNvSpPr txBox="1"/>
          <p:nvPr/>
        </p:nvSpPr>
        <p:spPr>
          <a:xfrm>
            <a:off x="4387988" y="5541660"/>
            <a:ext cx="3212023" cy="177624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GB" sz="1050" i="1" dirty="0"/>
              <a:t>Source: UK Hydrogen Strategy, BEIS, 2021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40859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31" name="Rectangle 1030">
            <a:extLst>
              <a:ext uri="{FF2B5EF4-FFF2-40B4-BE49-F238E27FC236}">
                <a16:creationId xmlns:a16="http://schemas.microsoft.com/office/drawing/2014/main" id="{B712E947-0734-45F9-9C4F-41114EC3A33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441281B-FCE6-78D7-5971-81FEF86EB5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36396" y="457201"/>
            <a:ext cx="5814240" cy="155687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000"/>
              <a:t>Project Overview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AF4F31-F655-27CF-BFF6-EA917FB0C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18342" y="2017433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DFEE536-FEE8-BB2B-0242-3D2D7243D96B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643688" y="2265574"/>
            <a:ext cx="7213600" cy="3461155"/>
          </a:xfrm>
        </p:spPr>
        <p:txBody>
          <a:bodyPr vert="horz" lIns="91440" tIns="45720" rIns="91440" bIns="45720" rtlCol="0">
            <a:normAutofit/>
          </a:bodyPr>
          <a:lstStyle/>
          <a:p>
            <a:pPr>
              <a:lnSpc>
                <a:spcPct val="90000"/>
              </a:lnSpc>
            </a:pPr>
            <a:r>
              <a:rPr lang="en-US" sz="2000" b="1" i="1" kern="1200" dirty="0"/>
              <a:t>Comprehensive, high-level review of key UK safety regulations applicable to the hydrogen lifecycle.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2000" b="1" i="1" kern="1200" dirty="0"/>
          </a:p>
          <a:p>
            <a:pPr>
              <a:lnSpc>
                <a:spcPct val="90000"/>
              </a:lnSpc>
            </a:pPr>
            <a:r>
              <a:rPr lang="en-US" sz="2000" b="1" kern="1200" dirty="0"/>
              <a:t>Phase 1: </a:t>
            </a:r>
            <a:r>
              <a:rPr lang="en-US" sz="2000" b="0" kern="1200" dirty="0"/>
              <a:t>Identification and high-level review of UK legislation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2000" b="0" kern="1200" dirty="0"/>
          </a:p>
          <a:p>
            <a:pPr>
              <a:lnSpc>
                <a:spcPct val="90000"/>
              </a:lnSpc>
            </a:pPr>
            <a:r>
              <a:rPr lang="en-US" sz="2000" b="1" kern="1200" dirty="0"/>
              <a:t>Phase 2: </a:t>
            </a:r>
            <a:r>
              <a:rPr lang="en-US" sz="2000" b="0" kern="1200" dirty="0"/>
              <a:t>Development of industry guidance</a:t>
            </a:r>
          </a:p>
          <a:p>
            <a:pPr indent="-228600">
              <a:lnSpc>
                <a:spcPct val="90000"/>
              </a:lnSpc>
              <a:buFont typeface="Arial" panose="020B0604020202020204" pitchFamily="34" charset="0"/>
              <a:buChar char="•"/>
            </a:pPr>
            <a:endParaRPr lang="en-US" sz="2000" kern="1200" dirty="0"/>
          </a:p>
        </p:txBody>
      </p:sp>
      <p:pic>
        <p:nvPicPr>
          <p:cNvPr id="7" name="Picture 2" descr="Home | Energy Institute">
            <a:extLst>
              <a:ext uri="{FF2B5EF4-FFF2-40B4-BE49-F238E27FC236}">
                <a16:creationId xmlns:a16="http://schemas.microsoft.com/office/drawing/2014/main" id="{20555263-B208-8777-061A-114BC3B62D2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7679766" y="1482704"/>
            <a:ext cx="3712869" cy="8434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6" name="Picture 2" descr="Careers">
            <a:extLst>
              <a:ext uri="{FF2B5EF4-FFF2-40B4-BE49-F238E27FC236}">
                <a16:creationId xmlns:a16="http://schemas.microsoft.com/office/drawing/2014/main" id="{AB6D9661-18E8-1820-E84E-E1656D6E9D2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306" t="3671" r="5463" b="4402"/>
          <a:stretch/>
        </p:blipFill>
        <p:spPr bwMode="auto">
          <a:xfrm>
            <a:off x="8500975" y="3375824"/>
            <a:ext cx="2041739" cy="22432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33" name="Rectangle 1032">
            <a:extLst>
              <a:ext uri="{FF2B5EF4-FFF2-40B4-BE49-F238E27FC236}">
                <a16:creationId xmlns:a16="http://schemas.microsoft.com/office/drawing/2014/main" id="{5A65989E-BBD5-44D7-AA86-7AFD5D46BBC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66000">
                <a:srgbClr val="000000"/>
              </a:gs>
            </a:gsLst>
            <a:lin ang="10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35" name="Rectangle 1034">
            <a:extLst>
              <a:ext uri="{FF2B5EF4-FFF2-40B4-BE49-F238E27FC236}">
                <a16:creationId xmlns:a16="http://schemas.microsoft.com/office/drawing/2014/main" id="{231A2881-D8D7-4A7D-ACA3-E9F849F853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" y="6400800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EA782E-4FFA-FF01-D70E-0580C9136B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55664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5</a:t>
            </a:fld>
            <a:endParaRPr lang="en-US" sz="11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110498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11802DB-030F-448D-B2FC-18412FD520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Focus Area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FEA5B00-674C-A213-B813-C68B64A880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6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ECA57D3-0416-AF01-2411-1326AB4B95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Content Placeholder 6">
            <a:extLst>
              <a:ext uri="{FF2B5EF4-FFF2-40B4-BE49-F238E27FC236}">
                <a16:creationId xmlns:a16="http://schemas.microsoft.com/office/drawing/2014/main" id="{1D3B919E-65AE-2AEF-9415-929ECD71F039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93648570"/>
              </p:ext>
            </p:extLst>
          </p:nvPr>
        </p:nvGraphicFramePr>
        <p:xfrm>
          <a:off x="2293775" y="1182224"/>
          <a:ext cx="7604449" cy="449355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8" name="Rectangle 7">
            <a:extLst>
              <a:ext uri="{FF2B5EF4-FFF2-40B4-BE49-F238E27FC236}">
                <a16:creationId xmlns:a16="http://schemas.microsoft.com/office/drawing/2014/main" id="{18A50918-F479-8A97-57F2-547355FD60FD}"/>
              </a:ext>
            </a:extLst>
          </p:cNvPr>
          <p:cNvSpPr/>
          <p:nvPr/>
        </p:nvSpPr>
        <p:spPr>
          <a:xfrm>
            <a:off x="2201889" y="5922000"/>
            <a:ext cx="7584221" cy="310268"/>
          </a:xfrm>
          <a:prstGeom prst="rect">
            <a:avLst/>
          </a:prstGeom>
          <a:solidFill>
            <a:schemeClr val="tx2"/>
          </a:solidFill>
          <a:ln>
            <a:noFill/>
          </a:ln>
          <a:effectLst>
            <a:outerShdw blurRad="44450" dist="27940" dir="5400000" algn="ctr">
              <a:srgbClr val="000000">
                <a:alpha val="32000"/>
              </a:srgbClr>
            </a:outerShdw>
          </a:effectLst>
          <a:scene3d>
            <a:camera prst="orthographicFront">
              <a:rot lat="0" lon="0" rev="0"/>
            </a:camera>
            <a:lightRig rig="balanced" dir="t">
              <a:rot lat="0" lon="0" rev="8700000"/>
            </a:lightRig>
          </a:scene3d>
          <a:sp3d>
            <a:bevelT w="190500" h="38100"/>
          </a:sp3d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sz="1400" dirty="0">
                <a:solidFill>
                  <a:schemeClr val="accent1"/>
                </a:solidFill>
              </a:rPr>
              <a:t>DESIGN – OPERATION – MAINTENANCE - DECOMMISSIONING</a:t>
            </a:r>
          </a:p>
        </p:txBody>
      </p:sp>
    </p:spTree>
    <p:extLst>
      <p:ext uri="{BB962C8B-B14F-4D97-AF65-F5344CB8AC3E}">
        <p14:creationId xmlns:p14="http://schemas.microsoft.com/office/powerpoint/2010/main" val="22498600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189661-B508-589C-F48D-FCFB0C7BB5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800" dirty="0"/>
              <a:t>Hydrogen Application Focus Areas</a:t>
            </a:r>
            <a:br>
              <a:rPr lang="en-GB" sz="2800" dirty="0"/>
            </a:b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E613CE4-1C22-27CF-3EA4-28ADE71BA8B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7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1912848-8F4F-DACF-E93A-071D57B65A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E2EA226-7B1C-07D1-95D7-7FC29947E6D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48179" y="848989"/>
            <a:ext cx="10957886" cy="5176478"/>
          </a:xfrm>
          <a:prstGeom prst="rect">
            <a:avLst/>
          </a:prstGeom>
        </p:spPr>
      </p:pic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932E66DE-DE14-B688-C3A6-A3770EEE6862}"/>
              </a:ext>
            </a:extLst>
          </p:cNvPr>
          <p:cNvSpPr/>
          <p:nvPr/>
        </p:nvSpPr>
        <p:spPr>
          <a:xfrm>
            <a:off x="3208522" y="2014029"/>
            <a:ext cx="2332827" cy="1220480"/>
          </a:xfrm>
          <a:prstGeom prst="roundRect">
            <a:avLst/>
          </a:prstGeom>
          <a:solidFill>
            <a:schemeClr val="accent1">
              <a:alpha val="50000"/>
            </a:schemeClr>
          </a:solidFill>
          <a:ln w="28575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14" dirty="0" err="1">
              <a:solidFill>
                <a:schemeClr val="bg1"/>
              </a:solidFill>
            </a:endParaRP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639C42DF-4B5B-0A29-E666-810339971966}"/>
              </a:ext>
            </a:extLst>
          </p:cNvPr>
          <p:cNvSpPr/>
          <p:nvPr/>
        </p:nvSpPr>
        <p:spPr>
          <a:xfrm>
            <a:off x="6667155" y="3906330"/>
            <a:ext cx="2247479" cy="1143558"/>
          </a:xfrm>
          <a:prstGeom prst="roundRect">
            <a:avLst/>
          </a:prstGeom>
          <a:solidFill>
            <a:schemeClr val="accent1">
              <a:alpha val="50000"/>
            </a:schemeClr>
          </a:solidFill>
          <a:ln w="28575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14" dirty="0" err="1">
              <a:solidFill>
                <a:schemeClr val="bg1"/>
              </a:solidFill>
            </a:endParaRPr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70BEFA05-99D9-0DD6-0F25-ED015773835C}"/>
              </a:ext>
            </a:extLst>
          </p:cNvPr>
          <p:cNvSpPr/>
          <p:nvPr/>
        </p:nvSpPr>
        <p:spPr>
          <a:xfrm>
            <a:off x="9558121" y="3906330"/>
            <a:ext cx="1380495" cy="1143558"/>
          </a:xfrm>
          <a:prstGeom prst="roundRect">
            <a:avLst/>
          </a:prstGeom>
          <a:solidFill>
            <a:schemeClr val="accent1">
              <a:alpha val="50000"/>
            </a:schemeClr>
          </a:solidFill>
          <a:ln w="28575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14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568122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DA95DB-D6D6-F6A9-8F9D-89D2DC4A4F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2800" dirty="0"/>
              <a:t>Hydrogen Application Focus Areas</a:t>
            </a:r>
            <a:br>
              <a:rPr lang="en-GB" sz="2800" dirty="0"/>
            </a:b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6B75413-F78F-93BC-00D0-A7DE746F97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8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FA3FC58-1C09-07C9-FFE0-9367C3DB6A5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Content Placeholder 2">
            <a:extLst>
              <a:ext uri="{FF2B5EF4-FFF2-40B4-BE49-F238E27FC236}">
                <a16:creationId xmlns:a16="http://schemas.microsoft.com/office/drawing/2014/main" id="{51BB717C-1A50-BAC6-34BD-DAB34CEA8AF4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711831606"/>
              </p:ext>
            </p:extLst>
          </p:nvPr>
        </p:nvGraphicFramePr>
        <p:xfrm>
          <a:off x="453451" y="936000"/>
          <a:ext cx="10982649" cy="495161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7515883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1D432BE-38D2-3928-07EF-69C39EE85E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4A5D48C-69B1-4980-ADD3-CDBA144E90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8AF9589-7BCB-63F5-7C84-B5DAD9BFF1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hase 1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F5AE93CD-C2A1-6A49-D249-58DD4C8B8A5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Gap Identification</a:t>
            </a:r>
          </a:p>
        </p:txBody>
      </p:sp>
    </p:spTree>
    <p:extLst>
      <p:ext uri="{BB962C8B-B14F-4D97-AF65-F5344CB8AC3E}">
        <p14:creationId xmlns:p14="http://schemas.microsoft.com/office/powerpoint/2010/main" val="12637593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AN.BAKER\AppData\Local\Templafy\AddIns\PowerPointVsto\7ac5b9fa-2675-42a1-91d7-6a31f1ae4e27.jpeg"/>
</p:tagLst>
</file>

<file path=ppt/theme/theme1.xml><?xml version="1.0" encoding="utf-8"?>
<a:theme xmlns:a="http://schemas.openxmlformats.org/drawingml/2006/main" name="ERM Theme">
  <a:themeElements>
    <a:clrScheme name="ERM">
      <a:dk1>
        <a:srgbClr val="1C1C1C"/>
      </a:dk1>
      <a:lt1>
        <a:srgbClr val="FFFFFF"/>
      </a:lt1>
      <a:dk2>
        <a:srgbClr val="D1DDD3"/>
      </a:dk2>
      <a:lt2>
        <a:srgbClr val="00FFBE"/>
      </a:lt2>
      <a:accent1>
        <a:srgbClr val="018219"/>
      </a:accent1>
      <a:accent2>
        <a:srgbClr val="0A2C14"/>
      </a:accent2>
      <a:accent3>
        <a:srgbClr val="446D5D"/>
      </a:accent3>
      <a:accent4>
        <a:srgbClr val="82A78D"/>
      </a:accent4>
      <a:accent5>
        <a:srgbClr val="B7B2AA"/>
      </a:accent5>
      <a:accent6>
        <a:srgbClr val="82887E"/>
      </a:accent6>
      <a:hlink>
        <a:srgbClr val="1C1C1C"/>
      </a:hlink>
      <a:folHlink>
        <a:srgbClr val="1C1C1C"/>
      </a:folHlink>
    </a:clrScheme>
    <a:fontScheme name="Cambria">
      <a:majorFont>
        <a:latin typeface="Cambria" panose="02040503050406030204"/>
        <a:ea typeface=""/>
        <a:cs typeface=""/>
        <a:font script="Jpan" typeface="HG明朝B"/>
        <a:font script="Hang" typeface="맑은 고딕"/>
        <a:font script="Hans" typeface="黑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mbria" panose="02040503050406030204"/>
        <a:ea typeface=""/>
        <a:cs typeface=""/>
        <a:font script="Jpan" typeface="HG明朝B"/>
        <a:font script="Hang" typeface="맑은 고딕"/>
        <a:font script="Hans" typeface="黑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/>
        </a:defPPr>
      </a:lstStyle>
    </a:txDef>
  </a:objectDefaults>
  <a:extraClrSchemeLst/>
  <a:custClrLst>
    <a:custClr name="Mint">
      <a:srgbClr val="00FFBB"/>
    </a:custClr>
    <a:custClr name="Green Alert">
      <a:srgbClr val="00EB00"/>
    </a:custClr>
    <a:custClr name="Yellow Alert">
      <a:srgbClr val="DDFF00"/>
    </a:custClr>
    <a:custClr name="Red Alert">
      <a:srgbClr val="FF3600"/>
    </a:custClr>
    <a:custClr name="Grey Alert"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ERM">
    <a:dk1>
      <a:srgbClr val="1C1C1C"/>
    </a:dk1>
    <a:lt1>
      <a:srgbClr val="FFFFFF"/>
    </a:lt1>
    <a:dk2>
      <a:srgbClr val="D1DDD3"/>
    </a:dk2>
    <a:lt2>
      <a:srgbClr val="00FFBE"/>
    </a:lt2>
    <a:accent1>
      <a:srgbClr val="018219"/>
    </a:accent1>
    <a:accent2>
      <a:srgbClr val="0A2C14"/>
    </a:accent2>
    <a:accent3>
      <a:srgbClr val="446D5D"/>
    </a:accent3>
    <a:accent4>
      <a:srgbClr val="82A78D"/>
    </a:accent4>
    <a:accent5>
      <a:srgbClr val="B7B2AA"/>
    </a:accent5>
    <a:accent6>
      <a:srgbClr val="82887E"/>
    </a:accent6>
    <a:hlink>
      <a:srgbClr val="1C1C1C"/>
    </a:hlink>
    <a:folHlink>
      <a:srgbClr val="1C1C1C"/>
    </a:folHlink>
  </a:clr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327947654944056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646A3490C442E41AC9620621F1F21BE" ma:contentTypeVersion="18" ma:contentTypeDescription="Create a new document." ma:contentTypeScope="" ma:versionID="2e7a6bcb8f68c3b9a6187eb6046a6f6c">
  <xsd:schema xmlns:xsd="http://www.w3.org/2001/XMLSchema" xmlns:xs="http://www.w3.org/2001/XMLSchema" xmlns:p="http://schemas.microsoft.com/office/2006/metadata/properties" xmlns:ns2="7604e031-f840-4ad5-97d2-0b99280ee730" xmlns:ns3="c4b40482-04a4-480f-b826-6548c4a2bcf1" targetNamespace="http://schemas.microsoft.com/office/2006/metadata/properties" ma:root="true" ma:fieldsID="b78a24c1cfda3600f7e848dea9b519ff" ns2:_="" ns3:_="">
    <xsd:import namespace="7604e031-f840-4ad5-97d2-0b99280ee730"/>
    <xsd:import namespace="c4b40482-04a4-480f-b826-6548c4a2bcf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_Flow_SignoffStatu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04e031-f840-4ad5-97d2-0b99280ee73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_Flow_SignoffStatus" ma:index="18" nillable="true" ma:displayName="Sign-off status" ma:internalName="Sign_x002d_off_x0020_status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456237a7-7071-4e19-8c1f-699d1949a4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b40482-04a4-480f-b826-6548c4a2bcf1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56402f1-dbcc-4c60-a824-dfd545cfc5e6}" ma:internalName="TaxCatchAll" ma:showField="CatchAllData" ma:web="c4b40482-04a4-480f-b826-6548c4a2bcf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7604e031-f840-4ad5-97d2-0b99280ee730" xsi:nil="true"/>
    <lcf76f155ced4ddcb4097134ff3c332f xmlns="7604e031-f840-4ad5-97d2-0b99280ee730">
      <Terms xmlns="http://schemas.microsoft.com/office/infopath/2007/PartnerControls"/>
    </lcf76f155ced4ddcb4097134ff3c332f>
    <TaxCatchAll xmlns="c4b40482-04a4-480f-b826-6548c4a2bcf1" xsi:nil="true"/>
    <SharedWithUsers xmlns="c4b40482-04a4-480f-b826-6548c4a2bcf1">
      <UserInfo>
        <DisplayName/>
        <AccountId xsi:nil="true"/>
        <AccountType/>
      </UserInfo>
    </SharedWithUsers>
    <MediaLengthInSeconds xmlns="7604e031-f840-4ad5-97d2-0b99280ee730" xsi:nil="true"/>
  </documentManagement>
</p:properties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1,"isValidatorEnabled":false,"isLocked":false,"elementsMetadata":[],"slideId":"638327947654975210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327947654988557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8327947654960908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327947654919679","enableDocumentContentUpdater":false,"version":"2.0"}]]></TemplafySlideTemplateConfiguration>
</file>

<file path=customXml/item8.xml><?xml version="1.0" encoding="utf-8"?>
<TemplafyTemplateConfiguration><![CDATA[{"elementsMetadata":[],"transformationConfigurations":[],"templateName":"ERM_PPT_template","templateDescription":"","enableDocumentContentUpdater":false,"version":"2.0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B792929-F4AC-4CB2-A0BB-F40E98112F18}">
  <ds:schemaRefs/>
</ds:datastoreItem>
</file>

<file path=customXml/itemProps10.xml><?xml version="1.0" encoding="utf-8"?>
<ds:datastoreItem xmlns:ds="http://schemas.openxmlformats.org/officeDocument/2006/customXml" ds:itemID="{7BB1B8FC-5D7B-47C9-9D5E-148839D50D04}">
  <ds:schemaRefs/>
</ds:datastoreItem>
</file>

<file path=customXml/itemProps11.xml><?xml version="1.0" encoding="utf-8"?>
<ds:datastoreItem xmlns:ds="http://schemas.openxmlformats.org/officeDocument/2006/customXml" ds:itemID="{3946549A-7C42-4233-AFF5-B76CE05BFBC2}">
  <ds:schemaRefs/>
</ds:datastoreItem>
</file>

<file path=customXml/itemProps12.xml><?xml version="1.0" encoding="utf-8"?>
<ds:datastoreItem xmlns:ds="http://schemas.openxmlformats.org/officeDocument/2006/customXml" ds:itemID="{F7ACAC52-2F08-4C94-B5EC-06978DC6AB6B}">
  <ds:schemaRefs/>
</ds:datastoreItem>
</file>

<file path=customXml/itemProps13.xml><?xml version="1.0" encoding="utf-8"?>
<ds:datastoreItem xmlns:ds="http://schemas.openxmlformats.org/officeDocument/2006/customXml" ds:itemID="{29BFE439-3A95-466A-8686-DCC106C89BDC}"/>
</file>

<file path=customXml/itemProps14.xml><?xml version="1.0" encoding="utf-8"?>
<ds:datastoreItem xmlns:ds="http://schemas.openxmlformats.org/officeDocument/2006/customXml" ds:itemID="{42D8637E-4A26-483E-9D15-3DF145C3BD29}"/>
</file>

<file path=customXml/itemProps15.xml><?xml version="1.0" encoding="utf-8"?>
<ds:datastoreItem xmlns:ds="http://schemas.openxmlformats.org/officeDocument/2006/customXml" ds:itemID="{80D465AF-4390-4123-A549-063E9DA03F06}"/>
</file>

<file path=customXml/itemProps2.xml><?xml version="1.0" encoding="utf-8"?>
<ds:datastoreItem xmlns:ds="http://schemas.openxmlformats.org/officeDocument/2006/customXml" ds:itemID="{E51F862D-9C37-477D-92A1-3522BF5C75AE}">
  <ds:schemaRefs/>
</ds:datastoreItem>
</file>

<file path=customXml/itemProps3.xml><?xml version="1.0" encoding="utf-8"?>
<ds:datastoreItem xmlns:ds="http://schemas.openxmlformats.org/officeDocument/2006/customXml" ds:itemID="{455398C4-2D49-484C-9F82-D22AB8ED707D}">
  <ds:schemaRefs/>
</ds:datastoreItem>
</file>

<file path=customXml/itemProps4.xml><?xml version="1.0" encoding="utf-8"?>
<ds:datastoreItem xmlns:ds="http://schemas.openxmlformats.org/officeDocument/2006/customXml" ds:itemID="{0C06556E-F16A-4FB9-B3C2-16FC59C6ACCA}">
  <ds:schemaRefs/>
</ds:datastoreItem>
</file>

<file path=customXml/itemProps5.xml><?xml version="1.0" encoding="utf-8"?>
<ds:datastoreItem xmlns:ds="http://schemas.openxmlformats.org/officeDocument/2006/customXml" ds:itemID="{18927E5B-0743-451E-954E-584045E7D1F4}">
  <ds:schemaRefs/>
</ds:datastoreItem>
</file>

<file path=customXml/itemProps6.xml><?xml version="1.0" encoding="utf-8"?>
<ds:datastoreItem xmlns:ds="http://schemas.openxmlformats.org/officeDocument/2006/customXml" ds:itemID="{2DE9692F-BD48-4248-8BE8-8D65749A7C21}">
  <ds:schemaRefs/>
</ds:datastoreItem>
</file>

<file path=customXml/itemProps7.xml><?xml version="1.0" encoding="utf-8"?>
<ds:datastoreItem xmlns:ds="http://schemas.openxmlformats.org/officeDocument/2006/customXml" ds:itemID="{05CAAFE5-C803-4C0B-947E-83CA12E01326}">
  <ds:schemaRefs/>
</ds:datastoreItem>
</file>

<file path=customXml/itemProps8.xml><?xml version="1.0" encoding="utf-8"?>
<ds:datastoreItem xmlns:ds="http://schemas.openxmlformats.org/officeDocument/2006/customXml" ds:itemID="{104FAEE9-F911-45B7-A5E0-E4F1DB50DCB8}">
  <ds:schemaRefs/>
</ds:datastoreItem>
</file>

<file path=customXml/itemProps9.xml><?xml version="1.0" encoding="utf-8"?>
<ds:datastoreItem xmlns:ds="http://schemas.openxmlformats.org/officeDocument/2006/customXml" ds:itemID="{CACB5FAE-65C5-4E62-8E19-BCDEAD593B6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550</TotalTime>
  <Words>1350</Words>
  <Application>Microsoft Office PowerPoint</Application>
  <PresentationFormat>Widescreen</PresentationFormat>
  <Paragraphs>299</Paragraphs>
  <Slides>3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3</vt:i4>
      </vt:variant>
    </vt:vector>
  </HeadingPairs>
  <TitlesOfParts>
    <vt:vector size="41" baseType="lpstr">
      <vt:lpstr>Arial</vt:lpstr>
      <vt:lpstr>Calibri</vt:lpstr>
      <vt:lpstr>Cambria</vt:lpstr>
      <vt:lpstr>Georgia</vt:lpstr>
      <vt:lpstr>System Font Regular</vt:lpstr>
      <vt:lpstr>Verdana</vt:lpstr>
      <vt:lpstr>Wingdings</vt:lpstr>
      <vt:lpstr>ERM Theme</vt:lpstr>
      <vt:lpstr>Guidance for UK Hydrogen Safety Case Development Onshore and Offshore</vt:lpstr>
      <vt:lpstr>Agenda</vt:lpstr>
      <vt:lpstr>Introductions</vt:lpstr>
      <vt:lpstr>Background</vt:lpstr>
      <vt:lpstr>Project Overview</vt:lpstr>
      <vt:lpstr>Focus Areas</vt:lpstr>
      <vt:lpstr>Hydrogen Application Focus Areas </vt:lpstr>
      <vt:lpstr>Hydrogen Application Focus Areas </vt:lpstr>
      <vt:lpstr>Phase 1</vt:lpstr>
      <vt:lpstr>Scope</vt:lpstr>
      <vt:lpstr>Phase 1 Recap</vt:lpstr>
      <vt:lpstr>Phase 1 Recap</vt:lpstr>
      <vt:lpstr>Stakeholder Engagement</vt:lpstr>
      <vt:lpstr>Phase 1 Conclusions</vt:lpstr>
      <vt:lpstr>Phase 2</vt:lpstr>
      <vt:lpstr>Scope</vt:lpstr>
      <vt:lpstr>Hydrogen Properties</vt:lpstr>
      <vt:lpstr>Safety Case</vt:lpstr>
      <vt:lpstr>Design and Asset Integrity</vt:lpstr>
      <vt:lpstr>Gas Safety</vt:lpstr>
      <vt:lpstr>Emergency Response</vt:lpstr>
      <vt:lpstr>Environmental Permitting</vt:lpstr>
      <vt:lpstr>Case Studies</vt:lpstr>
      <vt:lpstr>Onshore Hydrogen Production &amp; Storage</vt:lpstr>
      <vt:lpstr>Onshore Hydrogen Production &amp; Storage</vt:lpstr>
      <vt:lpstr>Offshore Hydrogen Production &amp; Transport</vt:lpstr>
      <vt:lpstr>Offshore Hydrogen Production &amp; Transport</vt:lpstr>
      <vt:lpstr>Hydrogen Network</vt:lpstr>
      <vt:lpstr>Hydrogen Network</vt:lpstr>
      <vt:lpstr>Hydrogen Refuelling Stations </vt:lpstr>
      <vt:lpstr>Conclusions</vt:lpstr>
      <vt:lpstr>PowerPoint Presentation</vt:lpstr>
      <vt:lpstr>PowerPoint Presentation</vt:lpstr>
    </vt:vector>
  </TitlesOfParts>
  <Manager/>
  <Company>ERM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RM</dc:creator>
  <cp:keywords/>
  <dc:description/>
  <cp:lastModifiedBy>Sean Baker</cp:lastModifiedBy>
  <cp:revision>665</cp:revision>
  <dcterms:created xsi:type="dcterms:W3CDTF">2023-10-24T09:33:30Z</dcterms:created>
  <dcterms:modified xsi:type="dcterms:W3CDTF">2023-10-27T10:51:3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10-13T11:52:45</vt:lpwstr>
  </property>
  <property fmtid="{D5CDD505-2E9C-101B-9397-08002B2CF9AE}" pid="3" name="TemplafyTenantId">
    <vt:lpwstr>erm</vt:lpwstr>
  </property>
  <property fmtid="{D5CDD505-2E9C-101B-9397-08002B2CF9AE}" pid="4" name="TemplafyTemplateId">
    <vt:lpwstr>753670236623340372</vt:lpwstr>
  </property>
  <property fmtid="{D5CDD505-2E9C-101B-9397-08002B2CF9AE}" pid="5" name="TemplafyUserProfileId">
    <vt:lpwstr>727645921443578063</vt:lpwstr>
  </property>
  <property fmtid="{D5CDD505-2E9C-101B-9397-08002B2CF9AE}" pid="6" name="TemplafyFromBlank">
    <vt:bool>true</vt:bool>
  </property>
  <property fmtid="{D5CDD505-2E9C-101B-9397-08002B2CF9AE}" pid="7" name="ContentTypeId">
    <vt:lpwstr>0x0101000646A3490C442E41AC9620621F1F21BE</vt:lpwstr>
  </property>
  <property fmtid="{D5CDD505-2E9C-101B-9397-08002B2CF9AE}" pid="8" name="Order">
    <vt:r8>27534200</vt:r8>
  </property>
  <property fmtid="{D5CDD505-2E9C-101B-9397-08002B2CF9AE}" pid="9" name="_SourceUrl">
    <vt:lpwstr/>
  </property>
  <property fmtid="{D5CDD505-2E9C-101B-9397-08002B2CF9AE}" pid="10" name="_SharedFileIndex">
    <vt:lpwstr/>
  </property>
  <property fmtid="{D5CDD505-2E9C-101B-9397-08002B2CF9AE}" pid="11" name="ComplianceAssetId">
    <vt:lpwstr/>
  </property>
  <property fmtid="{D5CDD505-2E9C-101B-9397-08002B2CF9AE}" pid="12" name="_ExtendedDescription">
    <vt:lpwstr/>
  </property>
  <property fmtid="{D5CDD505-2E9C-101B-9397-08002B2CF9AE}" pid="13" name="TriggerFlowInfo">
    <vt:lpwstr/>
  </property>
  <property fmtid="{D5CDD505-2E9C-101B-9397-08002B2CF9AE}" pid="14" name="MediaServiceImageTags">
    <vt:lpwstr/>
  </property>
</Properties>
</file>